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9127"/>
  <workbookPr/>
  <mc:AlternateContent xmlns:mc="http://schemas.openxmlformats.org/markup-compatibility/2006">
    <mc:Choice Requires="x15">
      <x15ac:absPath xmlns:x15ac="http://schemas.microsoft.com/office/spreadsheetml/2010/11/ac" url="C:\Users\chris.alston\Downloads\"/>
    </mc:Choice>
  </mc:AlternateContent>
  <xr:revisionPtr revIDLastSave="0" documentId="13_ncr:1_{62E5DC4E-01DD-442F-AF0C-499F0DF5BFCF}" xr6:coauthVersionLast="47" xr6:coauthVersionMax="47" xr10:uidLastSave="{00000000-0000-0000-0000-000000000000}"/>
  <bookViews>
    <workbookView xWindow="-110" yWindow="-110" windowWidth="19420" windowHeight="11500" xr2:uid="{00000000-000D-0000-FFFF-FFFF00000000}"/>
  </bookViews>
  <sheets>
    <sheet name="About" sheetId="1" r:id="rId1"/>
    <sheet name="Contents" sheetId="4" r:id="rId2"/>
    <sheet name="Figure 1" sheetId="2" r:id="rId3"/>
    <sheet name="Figure 2" sheetId="3" r:id="rId4"/>
    <sheet name="Figure 3a" sheetId="6" r:id="rId5"/>
    <sheet name="Figure 3b" sheetId="7" r:id="rId6"/>
    <sheet name="Figure 3c" sheetId="8" r:id="rId7"/>
    <sheet name="Figure 3d" sheetId="10" r:id="rId8"/>
    <sheet name="Figure 4a" sheetId="11" r:id="rId9"/>
    <sheet name="Figure 4b" sheetId="12" r:id="rId10"/>
    <sheet name="Figure 4c" sheetId="13" r:id="rId11"/>
    <sheet name="Figure 4d" sheetId="14" r:id="rId12"/>
    <sheet name="Figure 5" sheetId="15" r:id="rId13"/>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432" uniqueCount="122">
  <si>
    <t>About this workbook</t>
  </si>
  <si>
    <t xml:space="preserve">This Excel workbook contains data underlying charts in the Productivity Commission's issues paper on GST distribution reforms. </t>
  </si>
  <si>
    <r>
      <t xml:space="preserve">The </t>
    </r>
    <r>
      <rPr>
        <b/>
        <sz val="10"/>
        <color theme="1"/>
        <rFont val="Arial"/>
        <family val="2"/>
      </rPr>
      <t>Contents</t>
    </r>
    <r>
      <rPr>
        <sz val="10"/>
        <color theme="1"/>
        <rFont val="Arial"/>
        <family val="2"/>
      </rPr>
      <t xml:space="preserve"> worksheet links to the data for each chart.</t>
    </r>
  </si>
  <si>
    <t>Contents</t>
  </si>
  <si>
    <t>Figure no.</t>
  </si>
  <si>
    <t>Title</t>
  </si>
  <si>
    <t>Figure 1</t>
  </si>
  <si>
    <t>Own source Australian Government and state and territory government revenue, 1998-99 to 2023-24</t>
  </si>
  <si>
    <t>Figure 2</t>
  </si>
  <si>
    <t>Total combined state and territory government revenue, 1998-99 to 2023-24</t>
  </si>
  <si>
    <t>Figure 3a</t>
  </si>
  <si>
    <t>Australian Government revenue, expenditure, net operating balance and net debt - Australian Government revenue</t>
  </si>
  <si>
    <t>Figure 3b</t>
  </si>
  <si>
    <t>Australian Government revenue, expenditure, net operating balance and net debt - Australian Government expenditure by function plus capital investment</t>
  </si>
  <si>
    <t>Figure 3c</t>
  </si>
  <si>
    <t>Australian Government revenue, expenditure, net operating balance and net debt - Australian Government net operating balance</t>
  </si>
  <si>
    <t>Figure 3d</t>
  </si>
  <si>
    <t>Figure 4a</t>
  </si>
  <si>
    <t>Combined state and territory government revenue, expenditure, net operating balance and net debt 1998-99 to 2022-23 - Combined state and territory government revenue</t>
  </si>
  <si>
    <t>Figure 4b</t>
  </si>
  <si>
    <t>Combined state and territory government revenue, expenditure, net operating balance and net debt 1998-99 to 2022-23 - Combined state and territory government expenses by function plus capital investment</t>
  </si>
  <si>
    <t>Figure 4c</t>
  </si>
  <si>
    <t>Combined state and territory government revenue, expenditure, net operating balance and net debt 1998-99 to 2022-23 - Combined state and territory government net operating balance</t>
  </si>
  <si>
    <t>Figure 4d</t>
  </si>
  <si>
    <t>Combined state and territory government revenue, expenditure, net operating balance and net debt 1998-99 to 2022-23 - Combined state and territory government net debt</t>
  </si>
  <si>
    <t>Figure 5</t>
  </si>
  <si>
    <t>Cost to the Australian Government of the 2018 GST Reforms</t>
  </si>
  <si>
    <t>Revenue ($ 2024-25, billions)</t>
  </si>
  <si>
    <t>Australian Government</t>
  </si>
  <si>
    <t>State and territory governments</t>
  </si>
  <si>
    <t>1998-99</t>
  </si>
  <si>
    <t>1999-2000</t>
  </si>
  <si>
    <t>2000-01</t>
  </si>
  <si>
    <t>2001-02</t>
  </si>
  <si>
    <t>2002-03</t>
  </si>
  <si>
    <t>2003-04</t>
  </si>
  <si>
    <t>2004-05</t>
  </si>
  <si>
    <t>2005-06</t>
  </si>
  <si>
    <t>2006-07</t>
  </si>
  <si>
    <t>2007-08</t>
  </si>
  <si>
    <t>2008-09</t>
  </si>
  <si>
    <t>2009-10</t>
  </si>
  <si>
    <t>2010-11</t>
  </si>
  <si>
    <t>2011-12</t>
  </si>
  <si>
    <t>2012-13</t>
  </si>
  <si>
    <t>2013-14</t>
  </si>
  <si>
    <t>2014-15</t>
  </si>
  <si>
    <t>2015-16</t>
  </si>
  <si>
    <t>2016-17</t>
  </si>
  <si>
    <t>2017-18</t>
  </si>
  <si>
    <t>2018-19</t>
  </si>
  <si>
    <t>2019-20</t>
  </si>
  <si>
    <t>2020-21</t>
  </si>
  <si>
    <t>2021-22</t>
  </si>
  <si>
    <t>2022-23</t>
  </si>
  <si>
    <t>2023-24</t>
  </si>
  <si>
    <t xml:space="preserve">Notes: </t>
  </si>
  <si>
    <t xml:space="preserve">Real prices, 2024-25 basis, based on implicit price deflator of GDP. </t>
  </si>
  <si>
    <t>Own source revenue is total state and territory government revenue excluding revenue from Australian Government grants and subsidies (general government sector only).</t>
  </si>
  <si>
    <t xml:space="preserve">Source: </t>
  </si>
  <si>
    <t>PC estimates based on ABS (2025a) for GDP deflator and ABS (2025b) for revenue.</t>
  </si>
  <si>
    <t>Own source revenue</t>
  </si>
  <si>
    <t>Specific purpose payments</t>
  </si>
  <si>
    <t>GST</t>
  </si>
  <si>
    <t>Other general revenue assistance</t>
  </si>
  <si>
    <t xml:space="preserve">Own source revenue is total state and territory  government revenue excluding revenue from Australian Government grants and subsidies (general government sector only). </t>
  </si>
  <si>
    <t>SPPs, GST and other GRA are calculated by proportioning combined state and territory government revenue from Australian Government grants and subsidies, based on the proportion of SPPs, GST and other GRA in Australian Government Final Budget Outcomes and Budget Papers</t>
  </si>
  <si>
    <t>Source:</t>
  </si>
  <si>
    <t>PC estimates based on ABS (2025a) for GDP deflator, ABS (2025b) for revenue and Final Budget Outcomes (COA 1999, 2000a, 2002, 2003, 2004, 2005, 2006, 2007, 2008, 2009, 2010, 2011, 2012, 2013, 2014, 2015, 2016, 2017, 2018, 2019, 2020; 2021, 2022; 2023; 2024, 2025c) and Budget Paper 3 (COA 2000b) for proportioning.</t>
  </si>
  <si>
    <t>Australian Government revenue, expenditure, net operating balance and net debt</t>
  </si>
  <si>
    <t>Australian Government revenue</t>
  </si>
  <si>
    <t>Taxation revenue</t>
  </si>
  <si>
    <t>Sales of goods and services</t>
  </si>
  <si>
    <t>Property income</t>
  </si>
  <si>
    <t>Other revenue</t>
  </si>
  <si>
    <t>Property income includes interest, dividend, land and royalty income.</t>
  </si>
  <si>
    <t>Government Finance Statistics general government sector only</t>
  </si>
  <si>
    <t>PC estimates based on ABS (2025a) for GDP deflator and ABS (2025b).</t>
  </si>
  <si>
    <t>Australian Government expenditure by function plus capital investment</t>
  </si>
  <si>
    <t>Expenditure ($ 2024-25, billions)</t>
  </si>
  <si>
    <t>Education</t>
  </si>
  <si>
    <t>Health</t>
  </si>
  <si>
    <t>General public services</t>
  </si>
  <si>
    <t>Social protection</t>
  </si>
  <si>
    <t>Defence</t>
  </si>
  <si>
    <t>Other services</t>
  </si>
  <si>
    <t>Capital investment</t>
  </si>
  <si>
    <t>Notes:</t>
  </si>
  <si>
    <t xml:space="preserve">The ‘other services’ category includes public order and safety; economic affairs; environmental protection; housing and community amenities; recreation, culture and religion and transport. </t>
  </si>
  <si>
    <t>Capital investment is calculated as gross fixed capital formation.</t>
  </si>
  <si>
    <t>Government Finance Statistics general government sector only.</t>
  </si>
  <si>
    <t>Australian Government net operating balance</t>
  </si>
  <si>
    <t>Net operating balance ($ 2024-25, billions)</t>
  </si>
  <si>
    <t>Net operating balance</t>
  </si>
  <si>
    <t xml:space="preserve">Net operating balance only includes accounting expenses, not capital investment. </t>
  </si>
  <si>
    <t>Net debt ($ 2024-25, billions)</t>
  </si>
  <si>
    <t>Net debt</t>
  </si>
  <si>
    <t>PC estimates based on ABS (2025a) for GDP deflator and PBO (2024).</t>
  </si>
  <si>
    <t>Combined state and territory government revenue, expenditure, net operating balance and net debt 1998-99 to 2022-23</t>
  </si>
  <si>
    <t>Combined state and territory government revenue</t>
  </si>
  <si>
    <t>Commonwealth transfers</t>
  </si>
  <si>
    <t>Non-royalty property income</t>
  </si>
  <si>
    <t>Royalty income</t>
  </si>
  <si>
    <t>Combined state and territory government expenses by function plus capital investment</t>
  </si>
  <si>
    <t>Public order and safety</t>
  </si>
  <si>
    <t>Transport</t>
  </si>
  <si>
    <t xml:space="preserve">The ‘other services’ category includes public order and safety; economic affairs; environmental protection; housing and community amenities and recreation, culture and religion. </t>
  </si>
  <si>
    <t>Combined state and territory government net operating balance</t>
  </si>
  <si>
    <t>Combined state and territory government net debt</t>
  </si>
  <si>
    <t>Cost ($ billions)</t>
  </si>
  <si>
    <t>Actual</t>
  </si>
  <si>
    <t>Projected</t>
  </si>
  <si>
    <t>2024-25</t>
  </si>
  <si>
    <t>2025-26</t>
  </si>
  <si>
    <t>2026-27</t>
  </si>
  <si>
    <t>2027-28</t>
  </si>
  <si>
    <t>2028-29</t>
  </si>
  <si>
    <t xml:space="preserve">The Australian Government pre-paid $434 million of Western Australia’s 2019-20 transition payment in 2018-19, which 
accounts for the full cost of the reforms in 2018-19. </t>
  </si>
  <si>
    <t>All figures are nominal.</t>
  </si>
  <si>
    <t>PC estimates based on Final Budget Outcomes (COA 2019, 2020; 2021, 2022; 2023; 2024, 2025c) and Budget 
Paper 3 (COA 2025b).</t>
  </si>
  <si>
    <t xml:space="preserve">The paper is available from: </t>
  </si>
  <si>
    <t>www.pc.gov.au/inquiries-and-research/gst-reform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4" formatCode="#,##0.0"/>
  </numFmts>
  <fonts count="7" x14ac:knownFonts="1">
    <font>
      <sz val="10"/>
      <color theme="1"/>
      <name val="Arial"/>
      <family val="2"/>
    </font>
    <font>
      <b/>
      <sz val="10"/>
      <color theme="1"/>
      <name val="Arial"/>
      <family val="2"/>
    </font>
    <font>
      <b/>
      <sz val="12"/>
      <color theme="1"/>
      <name val="Arial"/>
      <family val="2"/>
    </font>
    <font>
      <b/>
      <u/>
      <sz val="10"/>
      <color theme="2"/>
      <name val="Arial"/>
      <family val="2"/>
    </font>
    <font>
      <i/>
      <sz val="10"/>
      <color theme="1"/>
      <name val="Arial"/>
      <family val="2"/>
    </font>
    <font>
      <u/>
      <sz val="10"/>
      <color theme="10"/>
      <name val="Arial"/>
      <family val="2"/>
    </font>
    <font>
      <u/>
      <sz val="10"/>
      <color theme="2"/>
      <name val="Arial"/>
      <family val="2"/>
    </font>
  </fonts>
  <fills count="2">
    <fill>
      <patternFill patternType="none"/>
    </fill>
    <fill>
      <patternFill patternType="gray125"/>
    </fill>
  </fills>
  <borders count="1">
    <border>
      <left/>
      <right/>
      <top/>
      <bottom/>
      <diagonal/>
    </border>
  </borders>
  <cellStyleXfs count="2">
    <xf numFmtId="0" fontId="0" fillId="0" borderId="0"/>
    <xf numFmtId="0" fontId="5" fillId="0" borderId="0" applyNumberFormat="0" applyFill="0" applyBorder="0" applyAlignment="0" applyProtection="0"/>
  </cellStyleXfs>
  <cellXfs count="10">
    <xf numFmtId="0" fontId="0" fillId="0" borderId="0" xfId="0"/>
    <xf numFmtId="0" fontId="1" fillId="0" borderId="0" xfId="0" applyFont="1"/>
    <xf numFmtId="0" fontId="2" fillId="0" borderId="0" xfId="0" applyFont="1"/>
    <xf numFmtId="0" fontId="6" fillId="0" borderId="0" xfId="1" applyFont="1" applyFill="1"/>
    <xf numFmtId="0" fontId="4" fillId="0" borderId="0" xfId="0" applyFont="1"/>
    <xf numFmtId="3" fontId="0" fillId="0" borderId="0" xfId="0" applyNumberFormat="1"/>
    <xf numFmtId="1" fontId="0" fillId="0" borderId="0" xfId="0" applyNumberFormat="1"/>
    <xf numFmtId="0" fontId="0" fillId="0" borderId="0" xfId="0" applyAlignment="1">
      <alignment wrapText="1"/>
    </xf>
    <xf numFmtId="164" fontId="0" fillId="0" borderId="0" xfId="0" applyNumberFormat="1"/>
    <xf numFmtId="0" fontId="3" fillId="0" borderId="0" xfId="1" applyFont="1"/>
  </cellXfs>
  <cellStyles count="2">
    <cellStyle name="Hyperlink" xfId="1" builtinId="8"/>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customXml" Target="../customXml/item2.xml"/><Relationship Id="rId3" Type="http://schemas.openxmlformats.org/officeDocument/2006/relationships/worksheet" Target="worksheets/sheet3.xml"/><Relationship Id="rId21" Type="http://schemas.openxmlformats.org/officeDocument/2006/relationships/customXml" Target="../customXml/item5.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customXml" Target="../customXml/item1.xml"/><Relationship Id="rId2" Type="http://schemas.openxmlformats.org/officeDocument/2006/relationships/worksheet" Target="worksheets/sheet2.xml"/><Relationship Id="rId16" Type="http://schemas.openxmlformats.org/officeDocument/2006/relationships/sharedStrings" Target="sharedStrings.xml"/><Relationship Id="rId20" Type="http://schemas.openxmlformats.org/officeDocument/2006/relationships/customXml" Target="../customXml/item4.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5" Type="http://schemas.openxmlformats.org/officeDocument/2006/relationships/worksheet" Target="worksheets/sheet5.xml"/><Relationship Id="rId15" Type="http://schemas.openxmlformats.org/officeDocument/2006/relationships/styles" Target="styles.xml"/><Relationship Id="rId10" Type="http://schemas.openxmlformats.org/officeDocument/2006/relationships/worksheet" Target="worksheets/sheet10.xml"/><Relationship Id="rId19" Type="http://schemas.openxmlformats.org/officeDocument/2006/relationships/customXml" Target="../customXml/item3.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theme" Target="theme/theme1.xml"/><Relationship Id="rId22" Type="http://schemas.openxmlformats.org/officeDocument/2006/relationships/customXml" Target="../customXml/item6.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xdr:from>
      <xdr:col>0</xdr:col>
      <xdr:colOff>104775</xdr:colOff>
      <xdr:row>0</xdr:row>
      <xdr:rowOff>161925</xdr:rowOff>
    </xdr:from>
    <xdr:to>
      <xdr:col>2</xdr:col>
      <xdr:colOff>397386</xdr:colOff>
      <xdr:row>0</xdr:row>
      <xdr:rowOff>527686</xdr:rowOff>
    </xdr:to>
    <xdr:pic>
      <xdr:nvPicPr>
        <xdr:cNvPr id="4" name="Picture 3" descr="Australian Government Productivity Commission logo">
          <a:extLst>
            <a:ext uri="{FF2B5EF4-FFF2-40B4-BE49-F238E27FC236}">
              <a16:creationId xmlns:a16="http://schemas.microsoft.com/office/drawing/2014/main" id="{F61E1EB3-77B5-46D9-B219-2DC349D2A184}"/>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104775" y="161925"/>
          <a:ext cx="1511811" cy="365761"/>
        </a:xfrm>
        <a:prstGeom prst="rect">
          <a:avLst/>
        </a:prstGeom>
      </xdr:spPr>
    </xdr:pic>
    <xdr:clientData/>
  </xdr:twoCellAnchor>
</xdr:wsDr>
</file>

<file path=xl/theme/theme1.xml><?xml version="1.0" encoding="utf-8"?>
<a:theme xmlns:a="http://schemas.openxmlformats.org/drawingml/2006/main" name="ProdCommTheme-new">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printerSettings" Target="../printerSettings/printerSettings1.bin"/><Relationship Id="rId1" Type="http://schemas.openxmlformats.org/officeDocument/2006/relationships/hyperlink" Target="http://www.pc.gov.au/inquiries-and-research/gst-reforms/" TargetMode="External"/></Relationships>
</file>

<file path=xl/worksheets/_rels/sheet10.xml.rels><?xml version="1.0" encoding="UTF-8" standalone="yes"?>
<Relationships xmlns="http://schemas.openxmlformats.org/package/2006/relationships"><Relationship Id="rId1" Type="http://schemas.openxmlformats.org/officeDocument/2006/relationships/printerSettings" Target="../printerSettings/printerSettings10.bin"/></Relationships>
</file>

<file path=xl/worksheets/_rels/sheet11.xml.rels><?xml version="1.0" encoding="UTF-8" standalone="yes"?>
<Relationships xmlns="http://schemas.openxmlformats.org/package/2006/relationships"><Relationship Id="rId1" Type="http://schemas.openxmlformats.org/officeDocument/2006/relationships/printerSettings" Target="../printerSettings/printerSettings11.bin"/></Relationships>
</file>

<file path=xl/worksheets/_rels/sheet12.xml.rels><?xml version="1.0" encoding="UTF-8" standalone="yes"?>
<Relationships xmlns="http://schemas.openxmlformats.org/package/2006/relationships"><Relationship Id="rId1" Type="http://schemas.openxmlformats.org/officeDocument/2006/relationships/printerSettings" Target="../printerSettings/printerSettings12.bin"/></Relationships>
</file>

<file path=xl/worksheets/_rels/sheet13.xml.rels><?xml version="1.0" encoding="UTF-8" standalone="yes"?>
<Relationships xmlns="http://schemas.openxmlformats.org/package/2006/relationships"><Relationship Id="rId1" Type="http://schemas.openxmlformats.org/officeDocument/2006/relationships/printerSettings" Target="../printerSettings/printerSettings13.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tabColor theme="2"/>
  </sheetPr>
  <dimension ref="A1:D8"/>
  <sheetViews>
    <sheetView showGridLines="0" tabSelected="1" workbookViewId="0"/>
  </sheetViews>
  <sheetFormatPr defaultColWidth="9.1796875" defaultRowHeight="12.5" x14ac:dyDescent="0.25"/>
  <sheetData>
    <row r="1" spans="1:4" ht="54.75" customHeight="1" x14ac:dyDescent="0.25"/>
    <row r="2" spans="1:4" ht="15.5" x14ac:dyDescent="0.35">
      <c r="A2" s="2" t="s">
        <v>0</v>
      </c>
    </row>
    <row r="3" spans="1:4" ht="15.5" x14ac:dyDescent="0.35">
      <c r="A3" s="2"/>
    </row>
    <row r="4" spans="1:4" x14ac:dyDescent="0.25">
      <c r="A4" t="s">
        <v>1</v>
      </c>
    </row>
    <row r="6" spans="1:4" ht="13" x14ac:dyDescent="0.3">
      <c r="A6" t="s">
        <v>2</v>
      </c>
    </row>
    <row r="8" spans="1:4" ht="13" x14ac:dyDescent="0.3">
      <c r="A8" t="s">
        <v>120</v>
      </c>
      <c r="D8" s="9" t="s">
        <v>121</v>
      </c>
    </row>
  </sheetData>
  <hyperlinks>
    <hyperlink ref="D8" r:id="rId1" xr:uid="{5724AEBB-3C89-46FA-8EE8-7D47C3457F35}"/>
  </hyperlinks>
  <pageMargins left="0.7" right="0.7" top="0.75" bottom="0.75" header="0.3" footer="0.3"/>
  <pageSetup paperSize="9" orientation="portrait" r:id="rId2"/>
  <headerFooter>
    <oddHeader>&amp;C&amp;"Aptos"&amp;12&amp;K000000  OFFICIAL&amp;1#_x000D_</oddHeader>
  </headerFooter>
  <drawing r:id="rId3"/>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A23F67-C5C0-49F9-B2D7-0A61499F98B2}">
  <dimension ref="A1:I37"/>
  <sheetViews>
    <sheetView showGridLines="0" workbookViewId="0">
      <selection activeCell="A3" sqref="A3"/>
    </sheetView>
  </sheetViews>
  <sheetFormatPr defaultRowHeight="12.5" x14ac:dyDescent="0.25"/>
  <cols>
    <col min="1" max="1" width="18.7265625" customWidth="1"/>
    <col min="2" max="3" width="8.7265625" customWidth="1"/>
    <col min="4" max="4" width="19.54296875" bestFit="1" customWidth="1"/>
    <col min="5" max="5" width="19.453125" bestFit="1" customWidth="1"/>
    <col min="6" max="6" width="14.1796875" bestFit="1" customWidth="1"/>
    <col min="7" max="7" width="8.7265625" customWidth="1"/>
    <col min="8" max="8" width="15.453125" bestFit="1" customWidth="1"/>
    <col min="9" max="9" width="12.453125" bestFit="1" customWidth="1"/>
  </cols>
  <sheetData>
    <row r="1" spans="1:9" ht="13" x14ac:dyDescent="0.3">
      <c r="A1" s="1" t="s">
        <v>19</v>
      </c>
      <c r="B1" t="s">
        <v>98</v>
      </c>
    </row>
    <row r="2" spans="1:9" x14ac:dyDescent="0.25">
      <c r="A2" t="s">
        <v>103</v>
      </c>
    </row>
    <row r="4" spans="1:9" ht="13" x14ac:dyDescent="0.3">
      <c r="A4" s="1" t="s">
        <v>79</v>
      </c>
    </row>
    <row r="5" spans="1:9" x14ac:dyDescent="0.25">
      <c r="B5" t="s">
        <v>81</v>
      </c>
      <c r="C5" t="s">
        <v>80</v>
      </c>
      <c r="D5" t="s">
        <v>82</v>
      </c>
      <c r="E5" t="s">
        <v>104</v>
      </c>
      <c r="F5" t="s">
        <v>83</v>
      </c>
      <c r="G5" t="s">
        <v>105</v>
      </c>
      <c r="H5" t="s">
        <v>86</v>
      </c>
      <c r="I5" t="s">
        <v>85</v>
      </c>
    </row>
    <row r="6" spans="1:9" x14ac:dyDescent="0.25">
      <c r="A6" t="s">
        <v>30</v>
      </c>
      <c r="B6" s="5">
        <v>43.71929401268499</v>
      </c>
      <c r="C6" s="5">
        <v>45.98292889640593</v>
      </c>
      <c r="D6" s="6">
        <v>25.27415320930233</v>
      </c>
      <c r="E6" s="5">
        <v>18.035094334038057</v>
      </c>
      <c r="F6" s="6">
        <v>14.7448764820296</v>
      </c>
      <c r="G6" s="6">
        <v>18.77881830021142</v>
      </c>
      <c r="H6" s="6">
        <v>15.671610638477803</v>
      </c>
      <c r="I6" s="6">
        <v>24.154235822410151</v>
      </c>
    </row>
    <row r="7" spans="1:9" x14ac:dyDescent="0.25">
      <c r="A7" t="s">
        <v>31</v>
      </c>
      <c r="B7" s="5">
        <v>44.267008427983527</v>
      </c>
      <c r="C7" s="5">
        <v>45.881618460905344</v>
      </c>
      <c r="D7" s="6">
        <v>26.520344213991766</v>
      </c>
      <c r="E7" s="5">
        <v>18.439410543209874</v>
      </c>
      <c r="F7" s="6">
        <v>14.812685999999998</v>
      </c>
      <c r="G7" s="6">
        <v>20.170645382716046</v>
      </c>
      <c r="H7" s="6">
        <v>17.02165871604938</v>
      </c>
      <c r="I7" s="6">
        <v>22.699252930041148</v>
      </c>
    </row>
    <row r="8" spans="1:9" x14ac:dyDescent="0.25">
      <c r="A8" t="s">
        <v>32</v>
      </c>
      <c r="B8" s="5">
        <v>45.846864094488197</v>
      </c>
      <c r="C8" s="5">
        <v>47.31705480314961</v>
      </c>
      <c r="D8" s="6">
        <v>25.399206362204726</v>
      </c>
      <c r="E8" s="5">
        <v>19.220899409448823</v>
      </c>
      <c r="F8" s="6">
        <v>17.338088622047245</v>
      </c>
      <c r="G8" s="6">
        <v>20.908860330708663</v>
      </c>
      <c r="H8" s="6">
        <v>16.183912086614178</v>
      </c>
      <c r="I8" s="6">
        <v>23.833345779527562</v>
      </c>
    </row>
    <row r="9" spans="1:9" x14ac:dyDescent="0.25">
      <c r="A9" t="s">
        <v>33</v>
      </c>
      <c r="B9" s="5">
        <v>49.085070498084285</v>
      </c>
      <c r="C9" s="5">
        <v>49.624452260536387</v>
      </c>
      <c r="D9" s="6">
        <v>21.445288038314171</v>
      </c>
      <c r="E9" s="5">
        <v>20.304982513409957</v>
      </c>
      <c r="F9" s="6">
        <v>18.87382720306513</v>
      </c>
      <c r="G9" s="6">
        <v>20.227628268199233</v>
      </c>
      <c r="H9" s="6">
        <v>17.345174467432948</v>
      </c>
      <c r="I9" s="6">
        <v>23.488656965517237</v>
      </c>
    </row>
    <row r="10" spans="1:9" x14ac:dyDescent="0.25">
      <c r="A10" t="s">
        <v>34</v>
      </c>
      <c r="B10" s="5">
        <v>52.017387539033457</v>
      </c>
      <c r="C10" s="5">
        <v>50.841652394052041</v>
      </c>
      <c r="D10" s="6">
        <v>20.785648691449815</v>
      </c>
      <c r="E10" s="5">
        <v>21.110274773234199</v>
      </c>
      <c r="F10" s="6">
        <v>17.995822907063197</v>
      </c>
      <c r="G10" s="6">
        <v>22.079989992565057</v>
      </c>
      <c r="H10" s="6">
        <v>15.767894178438661</v>
      </c>
      <c r="I10" s="6">
        <v>21.469955137546467</v>
      </c>
    </row>
    <row r="11" spans="1:9" x14ac:dyDescent="0.25">
      <c r="A11" t="s">
        <v>35</v>
      </c>
      <c r="B11" s="5">
        <v>54.238212309909926</v>
      </c>
      <c r="C11" s="5">
        <v>51.89423120720722</v>
      </c>
      <c r="D11" s="6">
        <v>21.342236756756762</v>
      </c>
      <c r="E11" s="5">
        <v>21.933669261261265</v>
      </c>
      <c r="F11" s="6">
        <v>18.048275012612613</v>
      </c>
      <c r="G11" s="6">
        <v>24.17910734414415</v>
      </c>
      <c r="H11" s="6">
        <v>15.512721866666668</v>
      </c>
      <c r="I11" s="6">
        <v>22.623515891891898</v>
      </c>
    </row>
    <row r="12" spans="1:9" x14ac:dyDescent="0.25">
      <c r="A12" t="s">
        <v>36</v>
      </c>
      <c r="B12" s="5">
        <v>57.526012790294622</v>
      </c>
      <c r="C12" s="5">
        <v>53.915444866551127</v>
      </c>
      <c r="D12" s="6">
        <v>20.305598253032926</v>
      </c>
      <c r="E12" s="5">
        <v>22.230984332755632</v>
      </c>
      <c r="F12" s="6">
        <v>18.774400402079724</v>
      </c>
      <c r="G12" s="6">
        <v>24.600097448873484</v>
      </c>
      <c r="H12" s="6">
        <v>16.431496124783362</v>
      </c>
      <c r="I12" s="6">
        <v>22.256750128249568</v>
      </c>
    </row>
    <row r="13" spans="1:9" x14ac:dyDescent="0.25">
      <c r="A13" t="s">
        <v>37</v>
      </c>
      <c r="B13" s="5">
        <v>59.227947194719476</v>
      </c>
      <c r="C13" s="5">
        <v>53.945037551155117</v>
      </c>
      <c r="D13" s="6">
        <v>20.82471497029703</v>
      </c>
      <c r="E13" s="5">
        <v>23.392704257425745</v>
      </c>
      <c r="F13" s="6">
        <v>19.305880422442247</v>
      </c>
      <c r="G13" s="6">
        <v>24.674878732673267</v>
      </c>
      <c r="H13" s="6">
        <v>18.563697894389438</v>
      </c>
      <c r="I13" s="6">
        <v>23.650322739273928</v>
      </c>
    </row>
    <row r="14" spans="1:9" x14ac:dyDescent="0.25">
      <c r="A14" t="s">
        <v>38</v>
      </c>
      <c r="B14" s="5">
        <v>61.542276232704417</v>
      </c>
      <c r="C14" s="5">
        <v>53.64582198113208</v>
      </c>
      <c r="D14" s="6">
        <v>20.587231440251578</v>
      </c>
      <c r="E14" s="5">
        <v>24.417518779874218</v>
      </c>
      <c r="F14" s="6">
        <v>21.265367842767297</v>
      </c>
      <c r="G14" s="6">
        <v>26.594965251572333</v>
      </c>
      <c r="H14" s="6">
        <v>21.780543490566043</v>
      </c>
      <c r="I14" s="6">
        <v>24.634655880503146</v>
      </c>
    </row>
    <row r="15" spans="1:9" x14ac:dyDescent="0.25">
      <c r="A15" t="s">
        <v>39</v>
      </c>
      <c r="B15" s="5">
        <v>65.052745141141159</v>
      </c>
      <c r="C15" s="5">
        <v>54.095468546546556</v>
      </c>
      <c r="D15" s="6">
        <v>19.578711975975978</v>
      </c>
      <c r="E15" s="5">
        <v>25.159230786786789</v>
      </c>
      <c r="F15" s="6">
        <v>21.642791261261266</v>
      </c>
      <c r="G15" s="6">
        <v>26.356924888888894</v>
      </c>
      <c r="H15" s="6">
        <v>23.781799483483489</v>
      </c>
      <c r="I15" s="6">
        <v>26.786976486486495</v>
      </c>
    </row>
    <row r="16" spans="1:9" x14ac:dyDescent="0.25">
      <c r="A16" t="s">
        <v>40</v>
      </c>
      <c r="B16" s="5">
        <v>67.735622871060187</v>
      </c>
      <c r="C16" s="5">
        <v>56.950172223495713</v>
      </c>
      <c r="D16" s="6">
        <v>22.131505765042984</v>
      </c>
      <c r="E16" s="5">
        <v>26.230477570200577</v>
      </c>
      <c r="F16" s="6">
        <v>24.891044945558747</v>
      </c>
      <c r="G16" s="6">
        <v>25.659895679083103</v>
      </c>
      <c r="H16" s="6">
        <v>27.5219356790831</v>
      </c>
      <c r="I16" s="6">
        <v>28.38539256160459</v>
      </c>
    </row>
    <row r="17" spans="1:9" x14ac:dyDescent="0.25">
      <c r="A17" t="s">
        <v>41</v>
      </c>
      <c r="B17" s="5">
        <v>72.139670930693057</v>
      </c>
      <c r="C17" s="5">
        <v>64.590044265912297</v>
      </c>
      <c r="D17" s="6">
        <v>25.812504390381893</v>
      </c>
      <c r="E17" s="5">
        <v>27.254308333804804</v>
      </c>
      <c r="F17" s="6">
        <v>28.6046954115983</v>
      </c>
      <c r="G17" s="6">
        <v>27.321102149929278</v>
      </c>
      <c r="H17" s="6">
        <v>37.922729612446958</v>
      </c>
      <c r="I17" s="6">
        <v>28.374042551626591</v>
      </c>
    </row>
    <row r="18" spans="1:9" x14ac:dyDescent="0.25">
      <c r="A18" t="s">
        <v>42</v>
      </c>
      <c r="B18" s="5">
        <v>72.752574880000012</v>
      </c>
      <c r="C18" s="5">
        <v>61.428110480000001</v>
      </c>
      <c r="D18" s="6">
        <v>24.569361813333337</v>
      </c>
      <c r="E18" s="5">
        <v>27.597468069333335</v>
      </c>
      <c r="F18" s="6">
        <v>26.828449056</v>
      </c>
      <c r="G18" s="6">
        <v>26.358519253333334</v>
      </c>
      <c r="H18" s="6">
        <v>36.266597504000003</v>
      </c>
      <c r="I18" s="6">
        <v>27.518223013333337</v>
      </c>
    </row>
    <row r="19" spans="1:9" x14ac:dyDescent="0.25">
      <c r="A19" t="s">
        <v>43</v>
      </c>
      <c r="B19" s="5">
        <v>75.788502078534023</v>
      </c>
      <c r="C19" s="5">
        <v>61.266457240837696</v>
      </c>
      <c r="D19" s="6">
        <v>27.231982497382198</v>
      </c>
      <c r="E19" s="5">
        <v>28.845789052356018</v>
      </c>
      <c r="F19" s="6">
        <v>27.506708717277487</v>
      </c>
      <c r="G19" s="6">
        <v>28.551746790575915</v>
      </c>
      <c r="H19" s="6">
        <v>31.696243638743454</v>
      </c>
      <c r="I19" s="6">
        <v>27.336006570680627</v>
      </c>
    </row>
    <row r="20" spans="1:9" x14ac:dyDescent="0.25">
      <c r="A20" t="s">
        <v>44</v>
      </c>
      <c r="B20" s="5">
        <v>79.961385273918765</v>
      </c>
      <c r="C20" s="5">
        <v>62.777611916120591</v>
      </c>
      <c r="D20" s="6">
        <v>29.087626275229361</v>
      </c>
      <c r="E20" s="5">
        <v>29.327205142857149</v>
      </c>
      <c r="F20" s="6">
        <v>25.845023098296203</v>
      </c>
      <c r="G20" s="6">
        <v>30.651265027522939</v>
      </c>
      <c r="H20" s="6">
        <v>32.8087763931848</v>
      </c>
      <c r="I20" s="6">
        <v>26.172451549148104</v>
      </c>
    </row>
    <row r="21" spans="1:9" x14ac:dyDescent="0.25">
      <c r="A21" t="s">
        <v>45</v>
      </c>
      <c r="B21" s="5">
        <v>82.017048781371301</v>
      </c>
      <c r="C21" s="5">
        <v>63.808529236739979</v>
      </c>
      <c r="D21" s="6">
        <v>28.489539984476071</v>
      </c>
      <c r="E21" s="5">
        <v>29.681386576972834</v>
      </c>
      <c r="F21" s="6">
        <v>26.791499027166886</v>
      </c>
      <c r="G21" s="6">
        <v>30.647400206985772</v>
      </c>
      <c r="H21" s="6">
        <v>30.160592310478659</v>
      </c>
      <c r="I21" s="6">
        <v>26.312191223803367</v>
      </c>
    </row>
    <row r="22" spans="1:9" x14ac:dyDescent="0.25">
      <c r="A22" t="s">
        <v>46</v>
      </c>
      <c r="B22" s="5">
        <v>86.852377170351104</v>
      </c>
      <c r="C22" s="5">
        <v>65.622179947984392</v>
      </c>
      <c r="D22" s="6">
        <v>31.710275942782829</v>
      </c>
      <c r="E22" s="5">
        <v>31.258122512353705</v>
      </c>
      <c r="F22" s="6">
        <v>28.073476374512353</v>
      </c>
      <c r="G22" s="6">
        <v>31.71973847074122</v>
      </c>
      <c r="H22" s="6">
        <v>28.205085815344603</v>
      </c>
      <c r="I22" s="6">
        <v>26.918805825747722</v>
      </c>
    </row>
    <row r="23" spans="1:9" x14ac:dyDescent="0.25">
      <c r="A23" t="s">
        <v>47</v>
      </c>
      <c r="B23" s="5">
        <v>93.45897407077328</v>
      </c>
      <c r="C23" s="5">
        <v>68.347115003931862</v>
      </c>
      <c r="D23" s="6">
        <v>30.122674322411537</v>
      </c>
      <c r="E23" s="5">
        <v>33.462768807339458</v>
      </c>
      <c r="F23" s="6">
        <v>30.20561273394496</v>
      </c>
      <c r="G23" s="6">
        <v>28.634585163827001</v>
      </c>
      <c r="H23" s="6">
        <v>31.382538768020975</v>
      </c>
      <c r="I23" s="6">
        <v>27.094470951507216</v>
      </c>
    </row>
    <row r="24" spans="1:9" x14ac:dyDescent="0.25">
      <c r="A24" t="s">
        <v>48</v>
      </c>
      <c r="B24" s="5">
        <v>95.775884758533493</v>
      </c>
      <c r="C24" s="5">
        <v>68.732636783817952</v>
      </c>
      <c r="D24" s="6">
        <v>30.798183094816686</v>
      </c>
      <c r="E24" s="5">
        <v>33.776384455120102</v>
      </c>
      <c r="F24" s="6">
        <v>29.34816002528445</v>
      </c>
      <c r="G24" s="6">
        <v>29.958228257901389</v>
      </c>
      <c r="H24" s="6">
        <v>41.415727833122624</v>
      </c>
      <c r="I24" s="6">
        <v>28.026479625790138</v>
      </c>
    </row>
    <row r="25" spans="1:9" x14ac:dyDescent="0.25">
      <c r="A25" t="s">
        <v>49</v>
      </c>
      <c r="B25" s="5">
        <v>99.447799741935498</v>
      </c>
      <c r="C25" s="5">
        <v>70.401890486352372</v>
      </c>
      <c r="D25" s="6">
        <v>29.472171563275438</v>
      </c>
      <c r="E25" s="5">
        <v>35.046048684863528</v>
      </c>
      <c r="F25" s="6">
        <v>31.57285241191067</v>
      </c>
      <c r="G25" s="6">
        <v>31.158920431761789</v>
      </c>
      <c r="H25" s="6">
        <v>43.865227032258069</v>
      </c>
      <c r="I25" s="6">
        <v>30.11466555334988</v>
      </c>
    </row>
    <row r="26" spans="1:9" x14ac:dyDescent="0.25">
      <c r="A26" t="s">
        <v>50</v>
      </c>
      <c r="B26" s="5">
        <v>102.5723991654676</v>
      </c>
      <c r="C26" s="5">
        <v>71.621186772182241</v>
      </c>
      <c r="D26" s="6">
        <v>27.981481985611506</v>
      </c>
      <c r="E26" s="5">
        <v>36.792540781774576</v>
      </c>
      <c r="F26" s="6">
        <v>31.497422398081525</v>
      </c>
      <c r="G26" s="6">
        <v>31.905537851318936</v>
      </c>
      <c r="H26" s="6">
        <v>48.604844575539559</v>
      </c>
      <c r="I26" s="6">
        <v>30.662877357314144</v>
      </c>
    </row>
    <row r="27" spans="1:9" x14ac:dyDescent="0.25">
      <c r="A27" t="s">
        <v>51</v>
      </c>
      <c r="B27" s="5">
        <v>107.99033346352942</v>
      </c>
      <c r="C27" s="5">
        <v>74.39529144470589</v>
      </c>
      <c r="D27" s="6">
        <v>31.148487303529414</v>
      </c>
      <c r="E27" s="5">
        <v>38.894760588235293</v>
      </c>
      <c r="F27" s="6">
        <v>33.078333035294122</v>
      </c>
      <c r="G27" s="6">
        <v>33.267837840000006</v>
      </c>
      <c r="H27" s="6">
        <v>48.755889275294123</v>
      </c>
      <c r="I27" s="6">
        <v>34.171066475294118</v>
      </c>
    </row>
    <row r="28" spans="1:9" x14ac:dyDescent="0.25">
      <c r="A28" t="s">
        <v>52</v>
      </c>
      <c r="B28" s="5">
        <v>113.15567914611874</v>
      </c>
      <c r="C28" s="5">
        <v>72.545197050228325</v>
      </c>
      <c r="D28" s="6">
        <v>28.210064520547949</v>
      </c>
      <c r="E28" s="5">
        <v>41.263005511415535</v>
      </c>
      <c r="F28" s="6">
        <v>34.287653461187219</v>
      </c>
      <c r="G28" s="6">
        <v>36.581783246575348</v>
      </c>
      <c r="H28" s="6">
        <v>50.92571077625572</v>
      </c>
      <c r="I28" s="6">
        <v>42.846098584474895</v>
      </c>
    </row>
    <row r="29" spans="1:9" x14ac:dyDescent="0.25">
      <c r="A29" t="s">
        <v>53</v>
      </c>
      <c r="B29" s="5">
        <v>118.55401517784877</v>
      </c>
      <c r="C29" s="5">
        <v>74.012009158679447</v>
      </c>
      <c r="D29" s="6">
        <v>33.613022253461132</v>
      </c>
      <c r="E29" s="5">
        <v>40.389793388711389</v>
      </c>
      <c r="F29" s="6">
        <v>33.449673205537806</v>
      </c>
      <c r="G29" s="6">
        <v>36.442891050053248</v>
      </c>
      <c r="H29" s="6">
        <v>54.486108281150152</v>
      </c>
      <c r="I29" s="6">
        <v>62.073405644302447</v>
      </c>
    </row>
    <row r="30" spans="1:9" x14ac:dyDescent="0.25">
      <c r="A30" t="s">
        <v>54</v>
      </c>
      <c r="B30" s="5">
        <v>115.45107198000001</v>
      </c>
      <c r="C30" s="5">
        <v>74.738534168000001</v>
      </c>
      <c r="D30" s="6">
        <v>35.749066104000001</v>
      </c>
      <c r="E30" s="5">
        <v>40.569320636</v>
      </c>
      <c r="F30" s="6">
        <v>32.815391576000003</v>
      </c>
      <c r="G30" s="6">
        <v>37.994364432000005</v>
      </c>
      <c r="H30" s="6">
        <v>57.677414880000001</v>
      </c>
      <c r="I30" s="6">
        <v>41.540124120000002</v>
      </c>
    </row>
    <row r="31" spans="1:9" x14ac:dyDescent="0.25">
      <c r="A31" t="s">
        <v>55</v>
      </c>
      <c r="B31" s="5">
        <v>119.32110765335929</v>
      </c>
      <c r="C31" s="5">
        <v>78.115286874391415</v>
      </c>
      <c r="D31" s="6">
        <v>38.646584424537487</v>
      </c>
      <c r="E31" s="5">
        <v>41.532442706913336</v>
      </c>
      <c r="F31" s="6">
        <v>37.287784553067183</v>
      </c>
      <c r="G31" s="6">
        <v>38.848585838364158</v>
      </c>
      <c r="H31" s="6">
        <v>59.32254735345667</v>
      </c>
      <c r="I31" s="6">
        <v>39.996252280428429</v>
      </c>
    </row>
    <row r="33" spans="1:2" ht="13" x14ac:dyDescent="0.3">
      <c r="A33" s="1" t="s">
        <v>87</v>
      </c>
      <c r="B33" t="s">
        <v>57</v>
      </c>
    </row>
    <row r="34" spans="1:2" ht="13" x14ac:dyDescent="0.3">
      <c r="A34" s="1"/>
      <c r="B34" t="s">
        <v>106</v>
      </c>
    </row>
    <row r="35" spans="1:2" ht="13" x14ac:dyDescent="0.3">
      <c r="A35" s="1"/>
      <c r="B35" t="s">
        <v>89</v>
      </c>
    </row>
    <row r="36" spans="1:2" ht="13" x14ac:dyDescent="0.3">
      <c r="A36" s="1"/>
      <c r="B36" t="s">
        <v>90</v>
      </c>
    </row>
    <row r="37" spans="1:2" ht="13" x14ac:dyDescent="0.3">
      <c r="A37" s="1" t="s">
        <v>67</v>
      </c>
      <c r="B37" t="s">
        <v>77</v>
      </c>
    </row>
  </sheetData>
  <pageMargins left="0.7" right="0.7" top="0.75" bottom="0.75" header="0.3" footer="0.3"/>
  <pageSetup paperSize="9" orientation="portrait" r:id="rId1"/>
  <headerFooter>
    <oddHeader>&amp;C&amp;"Aptos"&amp;12&amp;K000000  OFFICIAL&amp;1#_x000D_</oddHeader>
  </headerFooter>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2EC8FB2-9E55-45FC-AAC6-9A807D3408DC}">
  <dimension ref="A1:I36"/>
  <sheetViews>
    <sheetView showGridLines="0" workbookViewId="0">
      <selection activeCell="A4" sqref="A4"/>
    </sheetView>
  </sheetViews>
  <sheetFormatPr defaultRowHeight="12.5" x14ac:dyDescent="0.25"/>
  <cols>
    <col min="1" max="1" width="18.7265625" customWidth="1"/>
    <col min="2" max="2" width="18.453125" bestFit="1" customWidth="1"/>
    <col min="3" max="9" width="8.7265625" customWidth="1"/>
  </cols>
  <sheetData>
    <row r="1" spans="1:9" ht="13" x14ac:dyDescent="0.3">
      <c r="A1" s="1" t="s">
        <v>21</v>
      </c>
      <c r="B1" t="s">
        <v>98</v>
      </c>
    </row>
    <row r="2" spans="1:9" x14ac:dyDescent="0.25">
      <c r="A2" t="s">
        <v>107</v>
      </c>
    </row>
    <row r="4" spans="1:9" ht="13" x14ac:dyDescent="0.3">
      <c r="A4" s="1" t="s">
        <v>92</v>
      </c>
    </row>
    <row r="5" spans="1:9" x14ac:dyDescent="0.25">
      <c r="B5" t="s">
        <v>93</v>
      </c>
    </row>
    <row r="6" spans="1:9" x14ac:dyDescent="0.25">
      <c r="A6" t="s">
        <v>30</v>
      </c>
      <c r="B6" s="5">
        <v>8.0009604228330033</v>
      </c>
      <c r="C6" s="5"/>
      <c r="D6" s="6"/>
      <c r="E6" s="5"/>
      <c r="F6" s="6"/>
      <c r="G6" s="6"/>
      <c r="H6" s="6"/>
      <c r="I6" s="6"/>
    </row>
    <row r="7" spans="1:9" x14ac:dyDescent="0.25">
      <c r="A7" t="s">
        <v>31</v>
      </c>
      <c r="B7" s="5">
        <v>9.2572774732510652</v>
      </c>
      <c r="C7" s="5"/>
      <c r="D7" s="6"/>
      <c r="E7" s="5"/>
      <c r="F7" s="6"/>
      <c r="G7" s="6"/>
      <c r="H7" s="6"/>
      <c r="I7" s="6"/>
    </row>
    <row r="8" spans="1:9" x14ac:dyDescent="0.25">
      <c r="A8" t="s">
        <v>32</v>
      </c>
      <c r="B8" s="5">
        <v>2.9735049212598597</v>
      </c>
      <c r="C8" s="5"/>
      <c r="D8" s="6"/>
      <c r="E8" s="5"/>
      <c r="F8" s="6"/>
      <c r="G8" s="6"/>
      <c r="H8" s="6"/>
      <c r="I8" s="6"/>
    </row>
    <row r="9" spans="1:9" x14ac:dyDescent="0.25">
      <c r="A9" t="s">
        <v>33</v>
      </c>
      <c r="B9" s="5">
        <v>4.4164693180076995</v>
      </c>
      <c r="C9" s="5"/>
      <c r="D9" s="6"/>
      <c r="E9" s="5"/>
      <c r="F9" s="6"/>
      <c r="G9" s="6"/>
      <c r="H9" s="6"/>
      <c r="I9" s="6"/>
    </row>
    <row r="10" spans="1:9" x14ac:dyDescent="0.25">
      <c r="A10" t="s">
        <v>34</v>
      </c>
      <c r="B10" s="5">
        <v>8.175854602230487</v>
      </c>
      <c r="C10" s="5"/>
      <c r="D10" s="6"/>
      <c r="E10" s="5"/>
      <c r="F10" s="6"/>
      <c r="G10" s="6"/>
      <c r="H10" s="6"/>
      <c r="I10" s="6"/>
    </row>
    <row r="11" spans="1:9" x14ac:dyDescent="0.25">
      <c r="A11" t="s">
        <v>35</v>
      </c>
      <c r="B11" s="5">
        <v>12.539110234234244</v>
      </c>
      <c r="C11" s="5"/>
      <c r="D11" s="6"/>
      <c r="E11" s="5"/>
      <c r="F11" s="6"/>
      <c r="G11" s="6"/>
      <c r="H11" s="6"/>
      <c r="I11" s="6"/>
    </row>
    <row r="12" spans="1:9" x14ac:dyDescent="0.25">
      <c r="A12" t="s">
        <v>36</v>
      </c>
      <c r="B12" s="5">
        <v>11.988581060658589</v>
      </c>
      <c r="C12" s="5"/>
      <c r="D12" s="6"/>
      <c r="E12" s="5"/>
      <c r="F12" s="6"/>
      <c r="G12" s="6"/>
      <c r="H12" s="6"/>
      <c r="I12" s="6"/>
    </row>
    <row r="13" spans="1:9" x14ac:dyDescent="0.25">
      <c r="A13" t="s">
        <v>37</v>
      </c>
      <c r="B13" s="5">
        <v>13.098396448844881</v>
      </c>
      <c r="C13" s="5"/>
      <c r="D13" s="6"/>
      <c r="E13" s="5"/>
      <c r="F13" s="6"/>
      <c r="G13" s="6"/>
      <c r="H13" s="6"/>
      <c r="I13" s="6"/>
    </row>
    <row r="14" spans="1:9" x14ac:dyDescent="0.25">
      <c r="A14" t="s">
        <v>38</v>
      </c>
      <c r="B14" s="5">
        <v>9.447355327044022</v>
      </c>
      <c r="C14" s="5"/>
      <c r="D14" s="6"/>
      <c r="E14" s="5"/>
      <c r="F14" s="6"/>
      <c r="G14" s="6"/>
      <c r="H14" s="6"/>
      <c r="I14" s="6"/>
    </row>
    <row r="15" spans="1:9" x14ac:dyDescent="0.25">
      <c r="A15" t="s">
        <v>39</v>
      </c>
      <c r="B15" s="5">
        <v>9.0369880180180076</v>
      </c>
      <c r="C15" s="5"/>
      <c r="D15" s="6"/>
      <c r="E15" s="5"/>
      <c r="F15" s="6"/>
      <c r="G15" s="6"/>
      <c r="H15" s="6"/>
      <c r="I15" s="6"/>
    </row>
    <row r="16" spans="1:9" x14ac:dyDescent="0.25">
      <c r="A16" t="s">
        <v>40</v>
      </c>
      <c r="B16" s="5">
        <v>-3.9163638968460646E-2</v>
      </c>
      <c r="C16" s="5"/>
      <c r="D16" s="6"/>
      <c r="E16" s="5"/>
      <c r="F16" s="6"/>
      <c r="G16" s="6"/>
      <c r="H16" s="6"/>
      <c r="I16" s="6"/>
    </row>
    <row r="17" spans="1:9" x14ac:dyDescent="0.25">
      <c r="A17" t="s">
        <v>41</v>
      </c>
      <c r="B17" s="5">
        <v>4.740997957567231</v>
      </c>
      <c r="C17" s="5"/>
      <c r="D17" s="6"/>
      <c r="E17" s="5"/>
      <c r="F17" s="6"/>
      <c r="G17" s="6"/>
      <c r="H17" s="6"/>
      <c r="I17" s="6"/>
    </row>
    <row r="18" spans="1:9" x14ac:dyDescent="0.25">
      <c r="A18" t="s">
        <v>42</v>
      </c>
      <c r="B18" s="5">
        <v>2.9307359413333529</v>
      </c>
      <c r="C18" s="5"/>
      <c r="D18" s="6"/>
      <c r="E18" s="5"/>
      <c r="F18" s="6"/>
      <c r="G18" s="6"/>
      <c r="H18" s="6"/>
      <c r="I18" s="6"/>
    </row>
    <row r="19" spans="1:9" x14ac:dyDescent="0.25">
      <c r="A19" t="s">
        <v>43</v>
      </c>
      <c r="B19" s="5">
        <v>1.0217687696334679</v>
      </c>
      <c r="C19" s="5"/>
      <c r="D19" s="6"/>
      <c r="E19" s="5"/>
      <c r="F19" s="6"/>
      <c r="G19" s="6"/>
      <c r="H19" s="6"/>
      <c r="I19" s="6"/>
    </row>
    <row r="20" spans="1:9" x14ac:dyDescent="0.25">
      <c r="A20" t="s">
        <v>44</v>
      </c>
      <c r="B20" s="5">
        <v>-9.8534925085190253</v>
      </c>
      <c r="C20" s="5"/>
      <c r="D20" s="6"/>
      <c r="E20" s="5"/>
      <c r="F20" s="6"/>
      <c r="G20" s="6"/>
      <c r="H20" s="6"/>
      <c r="I20" s="6"/>
    </row>
    <row r="21" spans="1:9" x14ac:dyDescent="0.25">
      <c r="A21" t="s">
        <v>45</v>
      </c>
      <c r="B21" s="5">
        <v>5.1432157516170491</v>
      </c>
      <c r="C21" s="5"/>
      <c r="D21" s="6"/>
      <c r="E21" s="5"/>
      <c r="F21" s="6"/>
      <c r="G21" s="6"/>
      <c r="H21" s="6"/>
      <c r="I21" s="6"/>
    </row>
    <row r="22" spans="1:9" x14ac:dyDescent="0.25">
      <c r="A22" t="s">
        <v>46</v>
      </c>
      <c r="B22" s="5">
        <v>6.8178409986995803</v>
      </c>
      <c r="C22" s="5"/>
      <c r="D22" s="6"/>
      <c r="E22" s="5"/>
      <c r="F22" s="6"/>
      <c r="G22" s="6"/>
      <c r="H22" s="6"/>
      <c r="I22" s="6"/>
    </row>
    <row r="23" spans="1:9" x14ac:dyDescent="0.25">
      <c r="A23" t="s">
        <v>47</v>
      </c>
      <c r="B23" s="5">
        <v>9.4306464167759145</v>
      </c>
      <c r="C23" s="5"/>
      <c r="D23" s="6"/>
      <c r="E23" s="5"/>
      <c r="F23" s="6"/>
      <c r="G23" s="6"/>
      <c r="H23" s="6"/>
      <c r="I23" s="6"/>
    </row>
    <row r="24" spans="1:9" x14ac:dyDescent="0.25">
      <c r="A24" t="s">
        <v>48</v>
      </c>
      <c r="B24" s="5">
        <v>13.328728283185853</v>
      </c>
      <c r="C24" s="5"/>
      <c r="D24" s="6"/>
      <c r="E24" s="5"/>
      <c r="F24" s="6"/>
      <c r="G24" s="6"/>
      <c r="H24" s="6"/>
      <c r="I24" s="6"/>
    </row>
    <row r="25" spans="1:9" x14ac:dyDescent="0.25">
      <c r="A25" t="s">
        <v>49</v>
      </c>
      <c r="B25" s="5">
        <v>10.451690481389619</v>
      </c>
      <c r="C25" s="5"/>
      <c r="D25" s="6"/>
      <c r="E25" s="5"/>
      <c r="F25" s="6"/>
      <c r="G25" s="6"/>
      <c r="H25" s="6"/>
      <c r="I25" s="6"/>
    </row>
    <row r="26" spans="1:9" x14ac:dyDescent="0.25">
      <c r="A26" t="s">
        <v>50</v>
      </c>
      <c r="B26" s="5">
        <v>6.6205299040767613</v>
      </c>
      <c r="C26" s="5"/>
      <c r="D26" s="6"/>
      <c r="E26" s="5"/>
      <c r="F26" s="6"/>
      <c r="G26" s="6"/>
      <c r="H26" s="6"/>
      <c r="I26" s="6"/>
    </row>
    <row r="27" spans="1:9" x14ac:dyDescent="0.25">
      <c r="A27" t="s">
        <v>51</v>
      </c>
      <c r="B27" s="5">
        <v>-32.609741294117612</v>
      </c>
      <c r="C27" s="5"/>
      <c r="D27" s="6"/>
      <c r="E27" s="5"/>
      <c r="F27" s="6"/>
      <c r="G27" s="6"/>
      <c r="H27" s="6"/>
      <c r="I27" s="6"/>
    </row>
    <row r="28" spans="1:9" x14ac:dyDescent="0.25">
      <c r="A28" t="s">
        <v>52</v>
      </c>
      <c r="B28" s="5">
        <v>-24.646938118721437</v>
      </c>
      <c r="C28" s="5"/>
      <c r="D28" s="6"/>
      <c r="E28" s="5"/>
      <c r="F28" s="6"/>
      <c r="G28" s="6"/>
      <c r="H28" s="6"/>
      <c r="I28" s="6"/>
    </row>
    <row r="29" spans="1:9" x14ac:dyDescent="0.25">
      <c r="A29" t="s">
        <v>53</v>
      </c>
      <c r="B29" s="5">
        <v>-25.908419608093652</v>
      </c>
      <c r="C29" s="5"/>
      <c r="D29" s="6"/>
      <c r="E29" s="5"/>
      <c r="F29" s="6"/>
      <c r="G29" s="6"/>
      <c r="H29" s="6"/>
      <c r="I29" s="6"/>
    </row>
    <row r="30" spans="1:9" x14ac:dyDescent="0.25">
      <c r="A30" t="s">
        <v>54</v>
      </c>
      <c r="B30" s="5">
        <v>-3.6771744760000047</v>
      </c>
      <c r="C30" s="5"/>
      <c r="D30" s="6"/>
      <c r="E30" s="5"/>
      <c r="F30" s="6"/>
      <c r="G30" s="6"/>
      <c r="H30" s="6"/>
      <c r="I30" s="6"/>
    </row>
    <row r="31" spans="1:9" x14ac:dyDescent="0.25">
      <c r="A31" t="s">
        <v>55</v>
      </c>
      <c r="B31" s="5">
        <v>-12.656472689386533</v>
      </c>
      <c r="C31" s="5"/>
      <c r="D31" s="6"/>
      <c r="E31" s="5"/>
      <c r="F31" s="6"/>
      <c r="G31" s="6"/>
      <c r="H31" s="6"/>
      <c r="I31" s="6"/>
    </row>
    <row r="33" spans="1:2" ht="13" x14ac:dyDescent="0.3">
      <c r="A33" s="1" t="s">
        <v>87</v>
      </c>
      <c r="B33" t="s">
        <v>57</v>
      </c>
    </row>
    <row r="34" spans="1:2" ht="13" x14ac:dyDescent="0.3">
      <c r="A34" s="1"/>
      <c r="B34" t="s">
        <v>94</v>
      </c>
    </row>
    <row r="35" spans="1:2" ht="13" x14ac:dyDescent="0.3">
      <c r="A35" s="1"/>
      <c r="B35" t="s">
        <v>90</v>
      </c>
    </row>
    <row r="36" spans="1:2" ht="13" x14ac:dyDescent="0.3">
      <c r="A36" s="1" t="s">
        <v>67</v>
      </c>
      <c r="B36" t="s">
        <v>77</v>
      </c>
    </row>
  </sheetData>
  <pageMargins left="0.7" right="0.7" top="0.75" bottom="0.75" header="0.3" footer="0.3"/>
  <pageSetup paperSize="9" orientation="portrait" r:id="rId1"/>
  <headerFooter>
    <oddHeader>&amp;C&amp;"Aptos"&amp;12&amp;K000000  OFFICIAL&amp;1#_x000D_</oddHeader>
  </headerFooter>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7CDAC0E-0E7F-4927-8A87-0C64CE5A9515}">
  <dimension ref="A1:I31"/>
  <sheetViews>
    <sheetView showGridLines="0" workbookViewId="0">
      <selection activeCell="A3" sqref="A3"/>
    </sheetView>
  </sheetViews>
  <sheetFormatPr defaultRowHeight="12.5" x14ac:dyDescent="0.25"/>
  <cols>
    <col min="1" max="1" width="18.7265625" customWidth="1"/>
    <col min="2" max="2" width="18.453125" bestFit="1" customWidth="1"/>
    <col min="3" max="9" width="8.7265625" customWidth="1"/>
  </cols>
  <sheetData>
    <row r="1" spans="1:9" ht="13" x14ac:dyDescent="0.3">
      <c r="A1" s="1" t="s">
        <v>23</v>
      </c>
      <c r="B1" t="s">
        <v>98</v>
      </c>
    </row>
    <row r="2" spans="1:9" x14ac:dyDescent="0.25">
      <c r="A2" t="s">
        <v>108</v>
      </c>
    </row>
    <row r="4" spans="1:9" ht="13" x14ac:dyDescent="0.3">
      <c r="A4" s="1" t="s">
        <v>95</v>
      </c>
    </row>
    <row r="5" spans="1:9" x14ac:dyDescent="0.25">
      <c r="B5" t="s">
        <v>96</v>
      </c>
    </row>
    <row r="6" spans="1:9" x14ac:dyDescent="0.25">
      <c r="A6" t="s">
        <v>34</v>
      </c>
      <c r="B6" s="5">
        <v>-13.687732342007438</v>
      </c>
      <c r="C6" s="5"/>
      <c r="D6" s="6"/>
      <c r="E6" s="5"/>
      <c r="F6" s="6"/>
      <c r="G6" s="6"/>
      <c r="H6" s="6"/>
      <c r="I6" s="6"/>
    </row>
    <row r="7" spans="1:9" x14ac:dyDescent="0.25">
      <c r="A7" t="s">
        <v>35</v>
      </c>
      <c r="B7" s="5">
        <v>-26.347387387387389</v>
      </c>
      <c r="C7" s="5"/>
      <c r="D7" s="6"/>
      <c r="E7" s="5"/>
      <c r="F7" s="6"/>
      <c r="G7" s="6"/>
      <c r="H7" s="6"/>
      <c r="I7" s="6"/>
    </row>
    <row r="8" spans="1:9" x14ac:dyDescent="0.25">
      <c r="A8" t="s">
        <v>36</v>
      </c>
      <c r="B8" s="5">
        <v>-38.105372616984404</v>
      </c>
      <c r="C8" s="5"/>
      <c r="D8" s="6"/>
      <c r="E8" s="5"/>
      <c r="F8" s="6"/>
      <c r="G8" s="6"/>
      <c r="H8" s="6"/>
      <c r="I8" s="6"/>
    </row>
    <row r="9" spans="1:9" x14ac:dyDescent="0.25">
      <c r="A9" t="s">
        <v>37</v>
      </c>
      <c r="B9" s="5">
        <v>-52.42640264026403</v>
      </c>
      <c r="C9" s="5"/>
      <c r="D9" s="6"/>
      <c r="E9" s="5"/>
      <c r="F9" s="6"/>
      <c r="G9" s="6"/>
      <c r="H9" s="6"/>
      <c r="I9" s="6"/>
    </row>
    <row r="10" spans="1:9" x14ac:dyDescent="0.25">
      <c r="A10" t="s">
        <v>38</v>
      </c>
      <c r="B10" s="5">
        <v>-42.84088050314466</v>
      </c>
      <c r="C10" s="5"/>
      <c r="D10" s="6"/>
      <c r="E10" s="5"/>
      <c r="F10" s="6"/>
      <c r="G10" s="6"/>
      <c r="H10" s="6"/>
      <c r="I10" s="6"/>
    </row>
    <row r="11" spans="1:9" x14ac:dyDescent="0.25">
      <c r="A11" t="s">
        <v>39</v>
      </c>
      <c r="B11" s="5">
        <v>-31.74954954954956</v>
      </c>
      <c r="C11" s="5"/>
      <c r="D11" s="6"/>
      <c r="E11" s="5"/>
      <c r="F11" s="6"/>
      <c r="G11" s="6"/>
      <c r="H11" s="6"/>
      <c r="I11" s="6"/>
    </row>
    <row r="12" spans="1:9" x14ac:dyDescent="0.25">
      <c r="A12" t="s">
        <v>40</v>
      </c>
      <c r="B12" s="5">
        <v>-16.578796561604587</v>
      </c>
      <c r="C12" s="5"/>
      <c r="D12" s="6"/>
      <c r="E12" s="5"/>
      <c r="F12" s="6"/>
      <c r="G12" s="6"/>
      <c r="H12" s="6"/>
      <c r="I12" s="6"/>
    </row>
    <row r="13" spans="1:9" x14ac:dyDescent="0.25">
      <c r="A13" t="s">
        <v>41</v>
      </c>
      <c r="B13" s="5">
        <v>1.9343705799151321</v>
      </c>
      <c r="C13" s="5"/>
      <c r="D13" s="6"/>
      <c r="E13" s="5"/>
      <c r="F13" s="6"/>
      <c r="G13" s="6"/>
      <c r="H13" s="6"/>
      <c r="I13" s="6"/>
    </row>
    <row r="14" spans="1:9" x14ac:dyDescent="0.25">
      <c r="A14" t="s">
        <v>42</v>
      </c>
      <c r="B14" s="5">
        <v>16.130666666666666</v>
      </c>
      <c r="C14" s="5"/>
      <c r="D14" s="6"/>
      <c r="E14" s="5"/>
      <c r="F14" s="6"/>
      <c r="G14" s="6"/>
      <c r="H14" s="6"/>
      <c r="I14" s="6"/>
    </row>
    <row r="15" spans="1:9" x14ac:dyDescent="0.25">
      <c r="A15" t="s">
        <v>43</v>
      </c>
      <c r="B15" s="5">
        <v>38.692670157068065</v>
      </c>
      <c r="C15" s="5"/>
      <c r="D15" s="6"/>
      <c r="E15" s="5"/>
      <c r="F15" s="6"/>
      <c r="G15" s="6"/>
      <c r="H15" s="6"/>
      <c r="I15" s="6"/>
    </row>
    <row r="16" spans="1:9" x14ac:dyDescent="0.25">
      <c r="A16" t="s">
        <v>44</v>
      </c>
      <c r="B16" s="5">
        <v>59.424901703800792</v>
      </c>
      <c r="C16" s="5"/>
      <c r="D16" s="6"/>
      <c r="E16" s="5"/>
      <c r="F16" s="6"/>
      <c r="G16" s="6"/>
      <c r="H16" s="6"/>
      <c r="I16" s="6"/>
    </row>
    <row r="17" spans="1:9" x14ac:dyDescent="0.25">
      <c r="A17" t="s">
        <v>45</v>
      </c>
      <c r="B17" s="5">
        <v>62.875032341526534</v>
      </c>
      <c r="C17" s="5"/>
      <c r="D17" s="6"/>
      <c r="E17" s="5"/>
      <c r="F17" s="6"/>
      <c r="G17" s="6"/>
      <c r="H17" s="6"/>
      <c r="I17" s="6"/>
    </row>
    <row r="18" spans="1:9" x14ac:dyDescent="0.25">
      <c r="A18" t="s">
        <v>46</v>
      </c>
      <c r="B18" s="5">
        <v>61.560468140442119</v>
      </c>
      <c r="C18" s="5"/>
      <c r="D18" s="6"/>
      <c r="E18" s="5"/>
      <c r="F18" s="6"/>
      <c r="G18" s="6"/>
      <c r="H18" s="6"/>
      <c r="I18" s="6"/>
    </row>
    <row r="19" spans="1:9" x14ac:dyDescent="0.25">
      <c r="A19" t="s">
        <v>47</v>
      </c>
      <c r="B19" s="5">
        <v>54.461336828309307</v>
      </c>
      <c r="C19" s="5"/>
      <c r="D19" s="6"/>
      <c r="E19" s="5"/>
      <c r="F19" s="6"/>
      <c r="G19" s="6"/>
      <c r="H19" s="6"/>
      <c r="I19" s="6"/>
    </row>
    <row r="20" spans="1:9" x14ac:dyDescent="0.25">
      <c r="A20" t="s">
        <v>48</v>
      </c>
      <c r="B20" s="5">
        <v>39.100884955752214</v>
      </c>
      <c r="C20" s="5"/>
      <c r="D20" s="6"/>
      <c r="E20" s="5"/>
      <c r="F20" s="6"/>
      <c r="G20" s="6"/>
      <c r="H20" s="6"/>
      <c r="I20" s="6"/>
    </row>
    <row r="21" spans="1:9" x14ac:dyDescent="0.25">
      <c r="A21" t="s">
        <v>49</v>
      </c>
      <c r="B21" s="5">
        <v>44.507692307692309</v>
      </c>
      <c r="C21" s="5"/>
      <c r="D21" s="6"/>
      <c r="E21" s="5"/>
      <c r="F21" s="6"/>
      <c r="G21" s="6"/>
      <c r="H21" s="6"/>
      <c r="I21" s="6"/>
    </row>
    <row r="22" spans="1:9" x14ac:dyDescent="0.25">
      <c r="A22" t="s">
        <v>50</v>
      </c>
      <c r="B22" s="5">
        <v>44.148681055155862</v>
      </c>
      <c r="C22" s="5"/>
      <c r="D22" s="6"/>
      <c r="E22" s="5"/>
      <c r="F22" s="6"/>
      <c r="G22" s="6"/>
      <c r="H22" s="6"/>
      <c r="I22" s="6"/>
    </row>
    <row r="23" spans="1:9" x14ac:dyDescent="0.25">
      <c r="A23" t="s">
        <v>51</v>
      </c>
      <c r="B23" s="5">
        <v>113.12094117647061</v>
      </c>
      <c r="C23" s="5"/>
      <c r="D23" s="6"/>
      <c r="E23" s="5"/>
      <c r="F23" s="6"/>
      <c r="G23" s="6"/>
      <c r="H23" s="6"/>
      <c r="I23" s="6"/>
    </row>
    <row r="24" spans="1:9" x14ac:dyDescent="0.25">
      <c r="A24" t="s">
        <v>52</v>
      </c>
      <c r="B24" s="5">
        <v>162.00319634703197</v>
      </c>
      <c r="C24" s="5"/>
      <c r="D24" s="6"/>
      <c r="E24" s="5"/>
      <c r="F24" s="6"/>
      <c r="G24" s="6"/>
      <c r="H24" s="6"/>
      <c r="I24" s="6"/>
    </row>
    <row r="25" spans="1:9" x14ac:dyDescent="0.25">
      <c r="A25" t="s">
        <v>53</v>
      </c>
      <c r="B25" s="5">
        <v>206.25473908413204</v>
      </c>
      <c r="C25" s="5"/>
      <c r="D25" s="6"/>
      <c r="E25" s="5"/>
      <c r="F25" s="6"/>
      <c r="G25" s="6"/>
      <c r="H25" s="6"/>
      <c r="I25" s="6"/>
    </row>
    <row r="26" spans="1:9" x14ac:dyDescent="0.25">
      <c r="A26" t="s">
        <v>54</v>
      </c>
      <c r="B26" s="5">
        <v>219.97320000000002</v>
      </c>
      <c r="C26" s="5"/>
      <c r="D26" s="6"/>
      <c r="E26" s="5"/>
      <c r="F26" s="6"/>
      <c r="G26" s="6"/>
      <c r="H26" s="6"/>
      <c r="I26" s="6"/>
    </row>
    <row r="27" spans="1:9" x14ac:dyDescent="0.25">
      <c r="A27" t="s">
        <v>55</v>
      </c>
      <c r="B27" s="5">
        <v>303.10301850048683</v>
      </c>
      <c r="C27" s="5"/>
      <c r="D27" s="6"/>
      <c r="E27" s="5"/>
      <c r="F27" s="6"/>
      <c r="G27" s="6"/>
      <c r="H27" s="6"/>
      <c r="I27" s="6"/>
    </row>
    <row r="28" spans="1:9" x14ac:dyDescent="0.25">
      <c r="B28" s="5"/>
      <c r="C28" s="5"/>
      <c r="D28" s="6"/>
      <c r="E28" s="5"/>
      <c r="F28" s="6"/>
      <c r="G28" s="6"/>
      <c r="H28" s="6"/>
      <c r="I28" s="6"/>
    </row>
    <row r="29" spans="1:9" ht="13" x14ac:dyDescent="0.3">
      <c r="A29" s="1" t="s">
        <v>87</v>
      </c>
      <c r="B29" t="s">
        <v>57</v>
      </c>
      <c r="C29" s="5"/>
      <c r="D29" s="6"/>
      <c r="E29" s="5"/>
      <c r="F29" s="6"/>
      <c r="G29" s="6"/>
      <c r="H29" s="6"/>
      <c r="I29" s="6"/>
    </row>
    <row r="30" spans="1:9" ht="13" x14ac:dyDescent="0.3">
      <c r="A30" s="1" t="s">
        <v>67</v>
      </c>
      <c r="B30" t="s">
        <v>97</v>
      </c>
      <c r="C30" s="5"/>
      <c r="D30" s="6"/>
      <c r="E30" s="5"/>
      <c r="F30" s="6"/>
      <c r="G30" s="6"/>
      <c r="H30" s="6"/>
      <c r="I30" s="6"/>
    </row>
    <row r="31" spans="1:9" x14ac:dyDescent="0.25">
      <c r="B31" s="5"/>
      <c r="C31" s="5"/>
      <c r="D31" s="6"/>
      <c r="E31" s="5"/>
      <c r="F31" s="6"/>
      <c r="G31" s="6"/>
      <c r="H31" s="6"/>
      <c r="I31" s="6"/>
    </row>
  </sheetData>
  <pageMargins left="0.7" right="0.7" top="0.75" bottom="0.75" header="0.3" footer="0.3"/>
  <pageSetup paperSize="9" orientation="portrait" r:id="rId1"/>
  <headerFooter>
    <oddHeader>&amp;C&amp;"Aptos"&amp;12&amp;K000000  OFFICIAL&amp;1#_x000D_</oddHeader>
  </headerFooter>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A06FAFA-28DF-46DF-99A2-C6DD9AADBCD7}">
  <dimension ref="A1:I31"/>
  <sheetViews>
    <sheetView showGridLines="0" workbookViewId="0">
      <selection activeCell="A2" sqref="A2"/>
    </sheetView>
  </sheetViews>
  <sheetFormatPr defaultRowHeight="12.5" x14ac:dyDescent="0.25"/>
  <cols>
    <col min="1" max="1" width="18.7265625" customWidth="1"/>
    <col min="2" max="9" width="8.7265625" customWidth="1"/>
  </cols>
  <sheetData>
    <row r="1" spans="1:9" ht="13" x14ac:dyDescent="0.3">
      <c r="A1" s="1" t="s">
        <v>25</v>
      </c>
      <c r="B1" t="s">
        <v>26</v>
      </c>
    </row>
    <row r="3" spans="1:9" ht="13" x14ac:dyDescent="0.3">
      <c r="A3" s="1" t="s">
        <v>109</v>
      </c>
    </row>
    <row r="4" spans="1:9" x14ac:dyDescent="0.25">
      <c r="B4" t="s">
        <v>110</v>
      </c>
      <c r="C4" t="s">
        <v>111</v>
      </c>
    </row>
    <row r="5" spans="1:9" x14ac:dyDescent="0.25">
      <c r="A5" t="s">
        <v>50</v>
      </c>
      <c r="B5" s="8">
        <v>0.434</v>
      </c>
      <c r="C5" s="5"/>
      <c r="D5" s="6"/>
      <c r="E5" s="5"/>
      <c r="F5" s="6"/>
      <c r="G5" s="6"/>
      <c r="H5" s="6"/>
      <c r="I5" s="6"/>
    </row>
    <row r="6" spans="1:9" x14ac:dyDescent="0.25">
      <c r="A6" t="s">
        <v>51</v>
      </c>
      <c r="B6" s="8">
        <v>1.0663</v>
      </c>
      <c r="C6" s="5"/>
      <c r="D6" s="6"/>
      <c r="E6" s="5"/>
      <c r="F6" s="6"/>
      <c r="G6" s="6"/>
      <c r="H6" s="6"/>
      <c r="I6" s="6"/>
    </row>
    <row r="7" spans="1:9" x14ac:dyDescent="0.25">
      <c r="A7" t="s">
        <v>52</v>
      </c>
      <c r="B7" s="8">
        <v>1.5466</v>
      </c>
      <c r="C7" s="5"/>
      <c r="D7" s="6"/>
      <c r="E7" s="5"/>
      <c r="F7" s="6"/>
      <c r="G7" s="6"/>
      <c r="H7" s="6"/>
      <c r="I7" s="6"/>
    </row>
    <row r="8" spans="1:9" x14ac:dyDescent="0.25">
      <c r="A8" t="s">
        <v>53</v>
      </c>
      <c r="B8" s="8">
        <v>2.8728999999999996</v>
      </c>
      <c r="C8" s="5"/>
      <c r="D8" s="6"/>
      <c r="E8" s="5"/>
      <c r="F8" s="6"/>
      <c r="G8" s="6"/>
      <c r="H8" s="6"/>
      <c r="I8" s="6"/>
    </row>
    <row r="9" spans="1:9" x14ac:dyDescent="0.25">
      <c r="A9" t="s">
        <v>54</v>
      </c>
      <c r="B9" s="8">
        <v>4.7703999999999995</v>
      </c>
      <c r="C9" s="5"/>
      <c r="D9" s="6"/>
      <c r="E9" s="5"/>
      <c r="F9" s="6"/>
      <c r="G9" s="6"/>
      <c r="H9" s="6"/>
      <c r="I9" s="6"/>
    </row>
    <row r="10" spans="1:9" x14ac:dyDescent="0.25">
      <c r="A10" t="s">
        <v>55</v>
      </c>
      <c r="B10" s="8">
        <v>5.6147</v>
      </c>
      <c r="C10" s="5"/>
      <c r="D10" s="6"/>
      <c r="E10" s="5"/>
      <c r="F10" s="6"/>
      <c r="G10" s="6"/>
      <c r="H10" s="6"/>
      <c r="I10" s="6"/>
    </row>
    <row r="11" spans="1:9" x14ac:dyDescent="0.25">
      <c r="A11" t="s">
        <v>112</v>
      </c>
      <c r="B11" s="8">
        <v>6.3671000000000006</v>
      </c>
      <c r="C11" s="5"/>
      <c r="D11" s="6"/>
      <c r="E11" s="5"/>
      <c r="F11" s="6"/>
      <c r="G11" s="6"/>
      <c r="H11" s="6"/>
      <c r="I11" s="6"/>
    </row>
    <row r="12" spans="1:9" x14ac:dyDescent="0.25">
      <c r="A12" t="s">
        <v>113</v>
      </c>
      <c r="B12" s="5"/>
      <c r="C12" s="8">
        <v>5.9714</v>
      </c>
      <c r="D12" s="6"/>
      <c r="E12" s="5"/>
      <c r="F12" s="6"/>
      <c r="G12" s="6"/>
      <c r="H12" s="6"/>
      <c r="I12" s="6"/>
    </row>
    <row r="13" spans="1:9" x14ac:dyDescent="0.25">
      <c r="A13" t="s">
        <v>114</v>
      </c>
      <c r="B13" s="5"/>
      <c r="C13" s="8">
        <v>6.7208999999999994</v>
      </c>
      <c r="D13" s="6"/>
      <c r="E13" s="5"/>
      <c r="F13" s="6"/>
      <c r="G13" s="6"/>
      <c r="H13" s="6"/>
      <c r="I13" s="6"/>
    </row>
    <row r="14" spans="1:9" x14ac:dyDescent="0.25">
      <c r="A14" t="s">
        <v>115</v>
      </c>
      <c r="B14" s="5"/>
      <c r="C14" s="8">
        <v>6.7826000000000004</v>
      </c>
      <c r="D14" s="6"/>
      <c r="E14" s="5"/>
      <c r="F14" s="6"/>
      <c r="G14" s="6"/>
      <c r="H14" s="6"/>
      <c r="I14" s="6"/>
    </row>
    <row r="15" spans="1:9" x14ac:dyDescent="0.25">
      <c r="A15" t="s">
        <v>116</v>
      </c>
      <c r="B15" s="5"/>
      <c r="C15" s="8">
        <v>6.8109999999999999</v>
      </c>
      <c r="D15" s="6"/>
      <c r="E15" s="5"/>
      <c r="F15" s="6"/>
      <c r="G15" s="6"/>
      <c r="H15" s="6"/>
      <c r="I15" s="6"/>
    </row>
    <row r="16" spans="1:9" x14ac:dyDescent="0.25">
      <c r="B16" s="5"/>
      <c r="C16" s="5"/>
      <c r="D16" s="6"/>
      <c r="E16" s="5"/>
      <c r="F16" s="6"/>
      <c r="G16" s="6"/>
      <c r="H16" s="6"/>
      <c r="I16" s="6"/>
    </row>
    <row r="17" spans="1:9" ht="13" x14ac:dyDescent="0.3">
      <c r="A17" s="1" t="s">
        <v>87</v>
      </c>
      <c r="B17" s="5" t="s">
        <v>117</v>
      </c>
      <c r="C17" s="5"/>
      <c r="D17" s="6"/>
      <c r="E17" s="5"/>
      <c r="F17" s="6"/>
      <c r="G17" s="6"/>
      <c r="H17" s="6"/>
      <c r="I17" s="6"/>
    </row>
    <row r="18" spans="1:9" ht="13" x14ac:dyDescent="0.3">
      <c r="A18" s="1"/>
      <c r="B18" s="5" t="s">
        <v>118</v>
      </c>
      <c r="C18" s="5"/>
      <c r="D18" s="6"/>
      <c r="E18" s="5"/>
      <c r="F18" s="6"/>
      <c r="G18" s="6"/>
      <c r="H18" s="6"/>
      <c r="I18" s="6"/>
    </row>
    <row r="19" spans="1:9" ht="13" x14ac:dyDescent="0.3">
      <c r="A19" s="1" t="s">
        <v>67</v>
      </c>
      <c r="B19" s="5" t="s">
        <v>119</v>
      </c>
      <c r="C19" s="5"/>
      <c r="D19" s="6"/>
      <c r="E19" s="5"/>
      <c r="F19" s="6"/>
      <c r="G19" s="6"/>
      <c r="H19" s="6"/>
      <c r="I19" s="6"/>
    </row>
    <row r="20" spans="1:9" x14ac:dyDescent="0.25">
      <c r="B20" s="5"/>
      <c r="C20" s="5"/>
      <c r="D20" s="6"/>
      <c r="E20" s="5"/>
      <c r="F20" s="6"/>
      <c r="G20" s="6"/>
      <c r="H20" s="6"/>
      <c r="I20" s="6"/>
    </row>
    <row r="21" spans="1:9" x14ac:dyDescent="0.25">
      <c r="B21" s="5"/>
      <c r="C21" s="5"/>
      <c r="D21" s="6"/>
      <c r="E21" s="5"/>
      <c r="F21" s="6"/>
      <c r="G21" s="6"/>
      <c r="H21" s="6"/>
      <c r="I21" s="6"/>
    </row>
    <row r="22" spans="1:9" x14ac:dyDescent="0.25">
      <c r="B22" s="5"/>
      <c r="C22" s="5"/>
      <c r="D22" s="6"/>
      <c r="E22" s="5"/>
      <c r="F22" s="6"/>
      <c r="G22" s="6"/>
      <c r="H22" s="6"/>
      <c r="I22" s="6"/>
    </row>
    <row r="23" spans="1:9" x14ac:dyDescent="0.25">
      <c r="B23" s="5"/>
      <c r="C23" s="5"/>
      <c r="D23" s="6"/>
      <c r="E23" s="5"/>
      <c r="F23" s="6"/>
      <c r="G23" s="6"/>
      <c r="H23" s="6"/>
      <c r="I23" s="6"/>
    </row>
    <row r="24" spans="1:9" x14ac:dyDescent="0.25">
      <c r="B24" s="5"/>
      <c r="C24" s="5"/>
      <c r="D24" s="6"/>
      <c r="E24" s="5"/>
      <c r="F24" s="6"/>
      <c r="G24" s="6"/>
      <c r="H24" s="6"/>
      <c r="I24" s="6"/>
    </row>
    <row r="25" spans="1:9" x14ac:dyDescent="0.25">
      <c r="B25" s="5"/>
      <c r="C25" s="5"/>
      <c r="D25" s="6"/>
      <c r="E25" s="5"/>
      <c r="F25" s="6"/>
      <c r="G25" s="6"/>
      <c r="H25" s="6"/>
      <c r="I25" s="6"/>
    </row>
    <row r="26" spans="1:9" x14ac:dyDescent="0.25">
      <c r="B26" s="5"/>
      <c r="C26" s="5"/>
      <c r="D26" s="6"/>
      <c r="E26" s="5"/>
      <c r="F26" s="6"/>
      <c r="G26" s="6"/>
      <c r="H26" s="6"/>
      <c r="I26" s="6"/>
    </row>
    <row r="27" spans="1:9" x14ac:dyDescent="0.25">
      <c r="B27" s="5"/>
      <c r="C27" s="5"/>
      <c r="D27" s="6"/>
      <c r="E27" s="5"/>
      <c r="F27" s="6"/>
      <c r="G27" s="6"/>
      <c r="H27" s="6"/>
      <c r="I27" s="6"/>
    </row>
    <row r="28" spans="1:9" x14ac:dyDescent="0.25">
      <c r="B28" s="5"/>
      <c r="C28" s="5"/>
      <c r="D28" s="6"/>
      <c r="E28" s="5"/>
      <c r="F28" s="6"/>
      <c r="G28" s="6"/>
      <c r="H28" s="6"/>
      <c r="I28" s="6"/>
    </row>
    <row r="29" spans="1:9" x14ac:dyDescent="0.25">
      <c r="B29" s="5"/>
      <c r="C29" s="5"/>
      <c r="D29" s="6"/>
      <c r="E29" s="5"/>
      <c r="F29" s="6"/>
      <c r="G29" s="6"/>
      <c r="H29" s="6"/>
      <c r="I29" s="6"/>
    </row>
    <row r="30" spans="1:9" x14ac:dyDescent="0.25">
      <c r="B30" s="5"/>
      <c r="C30" s="5"/>
      <c r="D30" s="6"/>
      <c r="E30" s="5"/>
      <c r="F30" s="6"/>
      <c r="G30" s="6"/>
      <c r="H30" s="6"/>
      <c r="I30" s="6"/>
    </row>
    <row r="31" spans="1:9" x14ac:dyDescent="0.25">
      <c r="B31" s="5"/>
      <c r="C31" s="5"/>
      <c r="D31" s="6"/>
      <c r="E31" s="5"/>
      <c r="F31" s="6"/>
      <c r="G31" s="6"/>
      <c r="H31" s="6"/>
      <c r="I31" s="6"/>
    </row>
  </sheetData>
  <pageMargins left="0.7" right="0.7" top="0.75" bottom="0.75" header="0.3" footer="0.3"/>
  <pageSetup paperSize="9" orientation="portrait" r:id="rId1"/>
  <headerFooter>
    <oddHeader>&amp;C&amp;"Aptos"&amp;12&amp;K000000  OFFICIAL&amp;1#_x000D_</oddHeader>
  </headerFooter>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03277C-7EA0-4C9D-B7FB-0186E4D75225}">
  <sheetPr>
    <tabColor theme="2" tint="0.79998168889431442"/>
  </sheetPr>
  <dimension ref="A1:C15"/>
  <sheetViews>
    <sheetView showGridLines="0" workbookViewId="0">
      <selection activeCell="A2" sqref="A2"/>
    </sheetView>
  </sheetViews>
  <sheetFormatPr defaultRowHeight="12.5" x14ac:dyDescent="0.25"/>
  <cols>
    <col min="1" max="1" width="15.81640625" customWidth="1"/>
  </cols>
  <sheetData>
    <row r="1" spans="1:3" ht="15.5" x14ac:dyDescent="0.35">
      <c r="A1" s="2" t="s">
        <v>3</v>
      </c>
    </row>
    <row r="2" spans="1:3" ht="13" x14ac:dyDescent="0.3">
      <c r="A2" s="4"/>
      <c r="B2" s="4"/>
      <c r="C2" s="4"/>
    </row>
    <row r="4" spans="1:3" ht="13" x14ac:dyDescent="0.3">
      <c r="A4" s="1" t="s">
        <v>4</v>
      </c>
      <c r="B4" s="1" t="s">
        <v>5</v>
      </c>
    </row>
    <row r="5" spans="1:3" x14ac:dyDescent="0.25">
      <c r="A5" s="3" t="s">
        <v>6</v>
      </c>
      <c r="B5" t="s">
        <v>7</v>
      </c>
    </row>
    <row r="6" spans="1:3" x14ac:dyDescent="0.25">
      <c r="A6" s="3" t="s">
        <v>8</v>
      </c>
      <c r="B6" t="s">
        <v>9</v>
      </c>
    </row>
    <row r="7" spans="1:3" x14ac:dyDescent="0.25">
      <c r="A7" s="3" t="s">
        <v>10</v>
      </c>
      <c r="B7" t="s">
        <v>11</v>
      </c>
    </row>
    <row r="8" spans="1:3" x14ac:dyDescent="0.25">
      <c r="A8" s="3" t="s">
        <v>12</v>
      </c>
      <c r="B8" t="s">
        <v>13</v>
      </c>
    </row>
    <row r="9" spans="1:3" x14ac:dyDescent="0.25">
      <c r="A9" s="3" t="s">
        <v>14</v>
      </c>
      <c r="B9" t="s">
        <v>15</v>
      </c>
    </row>
    <row r="10" spans="1:3" x14ac:dyDescent="0.25">
      <c r="A10" s="3" t="s">
        <v>16</v>
      </c>
      <c r="B10" t="s">
        <v>15</v>
      </c>
    </row>
    <row r="11" spans="1:3" x14ac:dyDescent="0.25">
      <c r="A11" s="3" t="s">
        <v>17</v>
      </c>
      <c r="B11" t="s">
        <v>18</v>
      </c>
    </row>
    <row r="12" spans="1:3" x14ac:dyDescent="0.25">
      <c r="A12" s="3" t="s">
        <v>19</v>
      </c>
      <c r="B12" t="s">
        <v>20</v>
      </c>
    </row>
    <row r="13" spans="1:3" x14ac:dyDescent="0.25">
      <c r="A13" s="3" t="s">
        <v>21</v>
      </c>
      <c r="B13" t="s">
        <v>22</v>
      </c>
    </row>
    <row r="14" spans="1:3" x14ac:dyDescent="0.25">
      <c r="A14" s="3" t="s">
        <v>23</v>
      </c>
      <c r="B14" t="s">
        <v>24</v>
      </c>
    </row>
    <row r="15" spans="1:3" x14ac:dyDescent="0.25">
      <c r="A15" s="3" t="s">
        <v>25</v>
      </c>
      <c r="B15" t="s">
        <v>26</v>
      </c>
    </row>
  </sheetData>
  <hyperlinks>
    <hyperlink ref="A6" location="'Figure 2'!A1" display="Figure 2" xr:uid="{03E4D889-76F3-495A-BDEA-D5AC190259E9}"/>
    <hyperlink ref="A5" location="'Figure 1'!A1" display="Figure 1" xr:uid="{766BDB49-EC28-4609-9CF7-296DD51F717F}"/>
    <hyperlink ref="A7" location="'Figure 3a'!A1" display="Figure 3a" xr:uid="{FCB52B6A-64E9-4B37-9E31-35F65FCCEAEF}"/>
    <hyperlink ref="A8" location="'Figure 3b'!A1" display="Figure 3b" xr:uid="{F0886DB3-3AF3-4DFF-A278-A93219336417}"/>
    <hyperlink ref="A9" location="'Figure 3c'!A1" display="Figure 3c" xr:uid="{4C74CB13-5102-4B77-B172-4CA4CB1313E6}"/>
    <hyperlink ref="A10" location="'Figure 3d'!A1" display="Figure 3d" xr:uid="{A809CDEB-8A13-4FFA-BC96-D6F2FECD612E}"/>
    <hyperlink ref="A11" location="'Figure 4a'!A1" display="Figure 4a" xr:uid="{ACFA6F2A-A64E-42A5-A15E-5D141B457D6F}"/>
    <hyperlink ref="A12" location="'Figure 4b'!A1" display="Figure 4b" xr:uid="{D11FC9C6-50DA-4713-BC54-2B3101CE35D8}"/>
    <hyperlink ref="A13" location="'Figure 4c'!A1" display="Figure 4c" xr:uid="{700EABA0-DE5D-42C2-BACE-26BB941CEF80}"/>
    <hyperlink ref="A14" location="'Figure 4d'!A1" display="Figure 4d" xr:uid="{247F5E4E-80A8-4112-B953-7A184D79508D}"/>
    <hyperlink ref="A15" location="'Figure 5'!A1" display="Figure 5" xr:uid="{205B8471-50F8-451B-9545-EA64FFC30573}"/>
  </hyperlinks>
  <pageMargins left="0.7" right="0.7" top="0.75" bottom="0.75" header="0.3" footer="0.3"/>
  <pageSetup paperSize="9" orientation="portrait" r:id="rId1"/>
  <headerFooter>
    <oddHeader>&amp;C&amp;"Aptos"&amp;12&amp;K000000  OFFICIAL&amp;1#_x000D_</oddHeader>
  </headerFooter>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C35"/>
  <sheetViews>
    <sheetView showGridLines="0" workbookViewId="0">
      <selection activeCell="A2" sqref="A2"/>
    </sheetView>
  </sheetViews>
  <sheetFormatPr defaultRowHeight="12.5" x14ac:dyDescent="0.25"/>
  <cols>
    <col min="1" max="1" width="15.1796875" customWidth="1"/>
    <col min="2" max="2" width="19.1796875" bestFit="1" customWidth="1"/>
    <col min="3" max="3" width="26.453125" bestFit="1" customWidth="1"/>
  </cols>
  <sheetData>
    <row r="1" spans="1:3" ht="13" x14ac:dyDescent="0.3">
      <c r="A1" s="1" t="s">
        <v>6</v>
      </c>
      <c r="B1" t="s">
        <v>7</v>
      </c>
    </row>
    <row r="4" spans="1:3" ht="13" x14ac:dyDescent="0.3">
      <c r="A4" s="1" t="s">
        <v>27</v>
      </c>
    </row>
    <row r="5" spans="1:3" x14ac:dyDescent="0.25">
      <c r="B5" t="s">
        <v>28</v>
      </c>
      <c r="C5" t="s">
        <v>29</v>
      </c>
    </row>
    <row r="6" spans="1:3" x14ac:dyDescent="0.25">
      <c r="A6" t="s">
        <v>30</v>
      </c>
      <c r="B6" s="5">
        <v>341.99189987315015</v>
      </c>
      <c r="C6" s="6">
        <v>129.13046230021143</v>
      </c>
    </row>
    <row r="7" spans="1:3" x14ac:dyDescent="0.25">
      <c r="A7" t="s">
        <v>31</v>
      </c>
      <c r="B7" s="5">
        <v>361.92932888065837</v>
      </c>
      <c r="C7" s="6">
        <v>130.70422260905349</v>
      </c>
    </row>
    <row r="8" spans="1:3" x14ac:dyDescent="0.25">
      <c r="A8" t="s">
        <v>32</v>
      </c>
      <c r="B8" s="5">
        <v>385.184860984252</v>
      </c>
      <c r="C8" s="6">
        <v>111.49394411811025</v>
      </c>
    </row>
    <row r="9" spans="1:3" x14ac:dyDescent="0.25">
      <c r="A9" t="s">
        <v>33</v>
      </c>
      <c r="B9" s="5">
        <v>383.80657719540221</v>
      </c>
      <c r="C9" s="6">
        <v>107.64102895785439</v>
      </c>
    </row>
    <row r="10" spans="1:3" x14ac:dyDescent="0.25">
      <c r="A10" t="s">
        <v>34</v>
      </c>
      <c r="B10" s="5">
        <v>404.58163277323422</v>
      </c>
      <c r="C10" s="6">
        <v>115.18438339033457</v>
      </c>
    </row>
    <row r="11" spans="1:3" x14ac:dyDescent="0.25">
      <c r="A11" t="s">
        <v>35</v>
      </c>
      <c r="B11" s="5">
        <v>421.16529610090095</v>
      </c>
      <c r="C11" s="6">
        <v>126.31910471351354</v>
      </c>
    </row>
    <row r="12" spans="1:3" x14ac:dyDescent="0.25">
      <c r="A12" t="s">
        <v>36</v>
      </c>
      <c r="B12" s="5">
        <v>441.55298085268629</v>
      </c>
      <c r="C12" s="6">
        <v>127.74585139688041</v>
      </c>
    </row>
    <row r="13" spans="1:3" x14ac:dyDescent="0.25">
      <c r="A13" t="s">
        <v>37</v>
      </c>
      <c r="B13" s="5">
        <v>453.03362372277229</v>
      </c>
      <c r="C13" s="6">
        <v>132.66728427062708</v>
      </c>
    </row>
    <row r="14" spans="1:3" x14ac:dyDescent="0.25">
      <c r="A14" t="s">
        <v>38</v>
      </c>
      <c r="B14" s="5">
        <v>460.16720958490572</v>
      </c>
      <c r="C14" s="6">
        <v>136.33294423899375</v>
      </c>
    </row>
    <row r="15" spans="1:3" x14ac:dyDescent="0.25">
      <c r="A15" t="s">
        <v>39</v>
      </c>
      <c r="B15" s="5">
        <v>479.68330061861872</v>
      </c>
      <c r="C15" s="6">
        <v>136.54862224024026</v>
      </c>
    </row>
    <row r="16" spans="1:3" x14ac:dyDescent="0.25">
      <c r="A16" t="s">
        <v>40</v>
      </c>
      <c r="B16" s="5">
        <v>450.21412798853873</v>
      </c>
      <c r="C16" s="6">
        <v>134.24157982234962</v>
      </c>
    </row>
    <row r="17" spans="1:3" x14ac:dyDescent="0.25">
      <c r="A17" t="s">
        <v>41</v>
      </c>
      <c r="B17" s="5">
        <v>435.58620372277221</v>
      </c>
      <c r="C17" s="6">
        <v>139.5392768656294</v>
      </c>
    </row>
    <row r="18" spans="1:3" x14ac:dyDescent="0.25">
      <c r="A18" t="s">
        <v>42</v>
      </c>
      <c r="B18" s="5">
        <v>434.98594367466671</v>
      </c>
      <c r="C18" s="6">
        <v>144.19224814933332</v>
      </c>
    </row>
    <row r="19" spans="1:3" x14ac:dyDescent="0.25">
      <c r="A19" t="s">
        <v>43</v>
      </c>
      <c r="B19" s="5">
        <v>466.43287113089002</v>
      </c>
      <c r="C19" s="6">
        <v>148.51571720418846</v>
      </c>
    </row>
    <row r="20" spans="1:3" x14ac:dyDescent="0.25">
      <c r="A20" t="s">
        <v>44</v>
      </c>
      <c r="B20" s="5">
        <v>499.78618816775895</v>
      </c>
      <c r="C20" s="6">
        <v>157.05897836959375</v>
      </c>
    </row>
    <row r="21" spans="1:3" x14ac:dyDescent="0.25">
      <c r="A21" t="s">
        <v>45</v>
      </c>
      <c r="B21" s="5">
        <v>510.11625075291079</v>
      </c>
      <c r="C21" s="6">
        <v>165.22703698318244</v>
      </c>
    </row>
    <row r="22" spans="1:3" x14ac:dyDescent="0.25">
      <c r="A22" t="s">
        <v>46</v>
      </c>
      <c r="B22" s="5">
        <v>522.83483569830946</v>
      </c>
      <c r="C22" s="6">
        <v>175.01815376853054</v>
      </c>
    </row>
    <row r="23" spans="1:3" x14ac:dyDescent="0.25">
      <c r="A23" t="s">
        <v>47</v>
      </c>
      <c r="B23" s="5">
        <v>545.49029783486253</v>
      </c>
      <c r="C23" s="6">
        <v>183.5302999475754</v>
      </c>
    </row>
    <row r="24" spans="1:3" x14ac:dyDescent="0.25">
      <c r="A24" t="s">
        <v>48</v>
      </c>
      <c r="B24" s="5">
        <v>558.70831452338803</v>
      </c>
      <c r="C24" s="6">
        <v>185.09342847029075</v>
      </c>
    </row>
    <row r="25" spans="1:3" x14ac:dyDescent="0.25">
      <c r="A25" t="s">
        <v>49</v>
      </c>
      <c r="B25" s="5">
        <v>599.84406450620349</v>
      </c>
      <c r="C25" s="6">
        <v>190.52535626302731</v>
      </c>
    </row>
    <row r="26" spans="1:3" x14ac:dyDescent="0.25">
      <c r="A26" t="s">
        <v>50</v>
      </c>
      <c r="B26" s="5">
        <v>621.20635066666648</v>
      </c>
      <c r="C26" s="6">
        <v>191.4077709784172</v>
      </c>
    </row>
    <row r="27" spans="1:3" x14ac:dyDescent="0.25">
      <c r="A27" t="s">
        <v>51</v>
      </c>
      <c r="B27" s="5">
        <v>603.62805031529422</v>
      </c>
      <c r="C27" s="6">
        <v>181.84418031058823</v>
      </c>
    </row>
    <row r="28" spans="1:3" x14ac:dyDescent="0.25">
      <c r="A28" t="s">
        <v>52</v>
      </c>
      <c r="B28" s="5">
        <v>630.19093865296816</v>
      </c>
      <c r="C28" s="6">
        <v>190.39348071689503</v>
      </c>
    </row>
    <row r="29" spans="1:3" x14ac:dyDescent="0.25">
      <c r="A29" t="s">
        <v>53</v>
      </c>
      <c r="B29" s="5">
        <v>673.36069254526092</v>
      </c>
      <c r="C29" s="6">
        <v>207.22285356762512</v>
      </c>
    </row>
    <row r="30" spans="1:3" x14ac:dyDescent="0.25">
      <c r="A30" t="s">
        <v>54</v>
      </c>
      <c r="B30" s="5">
        <v>705.20709960800002</v>
      </c>
      <c r="C30" s="6">
        <v>214.19072525199999</v>
      </c>
    </row>
    <row r="31" spans="1:3" x14ac:dyDescent="0.25">
      <c r="A31" t="s">
        <v>55</v>
      </c>
      <c r="B31" s="5">
        <v>723.8316013242453</v>
      </c>
      <c r="C31" s="6">
        <v>220.82150125024341</v>
      </c>
    </row>
    <row r="33" spans="1:2" ht="13" x14ac:dyDescent="0.3">
      <c r="A33" s="1" t="s">
        <v>56</v>
      </c>
      <c r="B33" t="s">
        <v>57</v>
      </c>
    </row>
    <row r="34" spans="1:2" x14ac:dyDescent="0.25">
      <c r="B34" t="s">
        <v>58</v>
      </c>
    </row>
    <row r="35" spans="1:2" ht="13" x14ac:dyDescent="0.3">
      <c r="A35" s="1" t="s">
        <v>59</v>
      </c>
      <c r="B35" t="s">
        <v>60</v>
      </c>
    </row>
  </sheetData>
  <pageMargins left="0.7" right="0.7" top="0.75" bottom="0.75" header="0.3" footer="0.3"/>
  <pageSetup paperSize="9" orientation="portrait" r:id="rId1"/>
  <headerFooter>
    <oddHeader>&amp;C&amp;"Aptos"&amp;12&amp;K000000  OFFICIAL&amp;1#_x000D_</oddHeader>
  </headerFooter>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E36"/>
  <sheetViews>
    <sheetView showGridLines="0" workbookViewId="0">
      <selection activeCell="A2" sqref="A2"/>
    </sheetView>
  </sheetViews>
  <sheetFormatPr defaultRowHeight="12.5" x14ac:dyDescent="0.25"/>
  <cols>
    <col min="1" max="1" width="18.7265625" customWidth="1"/>
    <col min="2" max="2" width="17.453125" bestFit="1" customWidth="1"/>
    <col min="3" max="3" width="22.54296875" bestFit="1" customWidth="1"/>
    <col min="5" max="5" width="28" bestFit="1" customWidth="1"/>
  </cols>
  <sheetData>
    <row r="1" spans="1:5" ht="13" x14ac:dyDescent="0.3">
      <c r="A1" s="1" t="s">
        <v>8</v>
      </c>
      <c r="B1" t="s">
        <v>9</v>
      </c>
    </row>
    <row r="4" spans="1:5" ht="13" x14ac:dyDescent="0.3">
      <c r="A4" s="1" t="s">
        <v>27</v>
      </c>
    </row>
    <row r="5" spans="1:5" x14ac:dyDescent="0.25">
      <c r="B5" t="s">
        <v>61</v>
      </c>
      <c r="C5" t="s">
        <v>62</v>
      </c>
      <c r="D5" t="s">
        <v>63</v>
      </c>
      <c r="E5" t="s">
        <v>64</v>
      </c>
    </row>
    <row r="6" spans="1:5" x14ac:dyDescent="0.25">
      <c r="A6" t="s">
        <v>30</v>
      </c>
      <c r="B6" s="5">
        <v>129.13046230021143</v>
      </c>
      <c r="C6" s="5">
        <v>28.865335272454946</v>
      </c>
      <c r="D6" s="6">
        <v>0</v>
      </c>
      <c r="E6" s="5">
        <v>40.694563907249076</v>
      </c>
    </row>
    <row r="7" spans="1:5" x14ac:dyDescent="0.25">
      <c r="A7" t="s">
        <v>31</v>
      </c>
      <c r="B7" s="5">
        <v>130.70422260905349</v>
      </c>
      <c r="C7" s="5">
        <v>30.016111330084705</v>
      </c>
      <c r="D7" s="6">
        <v>0</v>
      </c>
      <c r="E7" s="5">
        <v>41.327909492960544</v>
      </c>
    </row>
    <row r="8" spans="1:5" x14ac:dyDescent="0.25">
      <c r="A8" t="s">
        <v>32</v>
      </c>
      <c r="B8" s="5">
        <v>111.49394411811025</v>
      </c>
      <c r="C8" s="5">
        <v>36.235154399998706</v>
      </c>
      <c r="D8" s="6">
        <v>47.81603832292511</v>
      </c>
      <c r="E8" s="5">
        <v>7.2926874818005949</v>
      </c>
    </row>
    <row r="9" spans="1:5" x14ac:dyDescent="0.25">
      <c r="A9" t="s">
        <v>33</v>
      </c>
      <c r="B9" s="5">
        <v>107.64102895785439</v>
      </c>
      <c r="C9" s="5">
        <v>40.479159944984275</v>
      </c>
      <c r="D9" s="6">
        <v>50.240077747750298</v>
      </c>
      <c r="E9" s="5">
        <v>9.1061084145451101</v>
      </c>
    </row>
    <row r="10" spans="1:5" x14ac:dyDescent="0.25">
      <c r="A10" t="s">
        <v>34</v>
      </c>
      <c r="B10" s="5">
        <v>115.18438339033457</v>
      </c>
      <c r="C10" s="5">
        <v>40.053831590826285</v>
      </c>
      <c r="D10" s="6">
        <v>56.049800864661854</v>
      </c>
      <c r="E10" s="5">
        <v>3.1885701913520124</v>
      </c>
    </row>
    <row r="11" spans="1:5" x14ac:dyDescent="0.25">
      <c r="A11" t="s">
        <v>35</v>
      </c>
      <c r="B11" s="5">
        <v>126.31910471351354</v>
      </c>
      <c r="C11" s="5">
        <v>40.565738067619918</v>
      </c>
      <c r="D11" s="6">
        <v>58.74233607625213</v>
      </c>
      <c r="E11" s="5">
        <v>1.1711791606324744</v>
      </c>
    </row>
    <row r="12" spans="1:5" x14ac:dyDescent="0.25">
      <c r="A12" t="s">
        <v>36</v>
      </c>
      <c r="B12" s="5">
        <v>127.74585139688041</v>
      </c>
      <c r="C12" s="5">
        <v>42.185798418882875</v>
      </c>
      <c r="D12" s="6">
        <v>60.06141674431079</v>
      </c>
      <c r="E12" s="5">
        <v>1.6048027224215751</v>
      </c>
    </row>
    <row r="13" spans="1:5" x14ac:dyDescent="0.25">
      <c r="A13" t="s">
        <v>37</v>
      </c>
      <c r="B13" s="5">
        <v>132.66728427062708</v>
      </c>
      <c r="C13" s="5">
        <v>43.628226474498227</v>
      </c>
      <c r="D13" s="6">
        <v>60.294374415557172</v>
      </c>
      <c r="E13" s="5">
        <v>1.529997156149228</v>
      </c>
    </row>
    <row r="14" spans="1:5" x14ac:dyDescent="0.25">
      <c r="A14" t="s">
        <v>38</v>
      </c>
      <c r="B14" s="5">
        <v>136.33294423899375</v>
      </c>
      <c r="C14" s="5">
        <v>44.353950637093796</v>
      </c>
      <c r="D14" s="6">
        <v>61.448297859761581</v>
      </c>
      <c r="E14" s="5">
        <v>0</v>
      </c>
    </row>
    <row r="15" spans="1:5" x14ac:dyDescent="0.25">
      <c r="A15" t="s">
        <v>39</v>
      </c>
      <c r="B15" s="5">
        <v>136.54862224024026</v>
      </c>
      <c r="C15" s="5">
        <v>47.807873369367442</v>
      </c>
      <c r="D15" s="6">
        <v>63.169786481624548</v>
      </c>
      <c r="E15" s="5">
        <v>0.18355501387289305</v>
      </c>
    </row>
    <row r="16" spans="1:5" x14ac:dyDescent="0.25">
      <c r="A16" t="s">
        <v>40</v>
      </c>
      <c r="B16" s="5">
        <v>134.24157982234962</v>
      </c>
      <c r="C16" s="5">
        <v>58.363395913259453</v>
      </c>
      <c r="D16" s="6">
        <v>57.710476876035138</v>
      </c>
      <c r="E16" s="5">
        <v>1.6294953654332169</v>
      </c>
    </row>
    <row r="17" spans="1:5" x14ac:dyDescent="0.25">
      <c r="A17" t="s">
        <v>41</v>
      </c>
      <c r="B17" s="5">
        <v>139.5392768656294</v>
      </c>
      <c r="C17" s="5">
        <v>75.256762376342962</v>
      </c>
      <c r="D17" s="6">
        <v>63.107065343041128</v>
      </c>
      <c r="E17" s="5">
        <v>0.93426140649991507</v>
      </c>
    </row>
    <row r="18" spans="1:5" x14ac:dyDescent="0.25">
      <c r="A18" t="s">
        <v>42</v>
      </c>
      <c r="B18" s="5">
        <v>144.19224814933332</v>
      </c>
      <c r="C18" s="5">
        <v>65.839977841977031</v>
      </c>
      <c r="D18" s="6">
        <v>58.5901107967575</v>
      </c>
      <c r="E18" s="5">
        <v>1.3611057185988029</v>
      </c>
    </row>
    <row r="19" spans="1:5" x14ac:dyDescent="0.25">
      <c r="A19" t="s">
        <v>43</v>
      </c>
      <c r="B19" s="5">
        <v>148.51571720418846</v>
      </c>
      <c r="C19" s="5">
        <v>66.320887712853633</v>
      </c>
      <c r="D19" s="6">
        <v>61.237288321763685</v>
      </c>
      <c r="E19" s="5">
        <v>1.4750684784716792</v>
      </c>
    </row>
    <row r="20" spans="1:5" x14ac:dyDescent="0.25">
      <c r="A20" t="s">
        <v>44</v>
      </c>
      <c r="B20" s="5">
        <v>157.05897836959375</v>
      </c>
      <c r="C20" s="5">
        <v>54.53710925693963</v>
      </c>
      <c r="D20" s="6">
        <v>60.859756849581487</v>
      </c>
      <c r="E20" s="5">
        <v>1.5132312984592458</v>
      </c>
    </row>
    <row r="21" spans="1:5" x14ac:dyDescent="0.25">
      <c r="A21" t="s">
        <v>45</v>
      </c>
      <c r="B21" s="5">
        <v>165.22703698318244</v>
      </c>
      <c r="C21" s="5">
        <v>59.378226643501684</v>
      </c>
      <c r="D21" s="6">
        <v>66.589845670621443</v>
      </c>
      <c r="E21" s="5">
        <v>1.6957014918277147</v>
      </c>
    </row>
    <row r="22" spans="1:5" x14ac:dyDescent="0.25">
      <c r="A22" t="s">
        <v>46</v>
      </c>
      <c r="B22" s="5">
        <v>175.01815376853054</v>
      </c>
      <c r="C22" s="5">
        <v>62.16686955185947</v>
      </c>
      <c r="D22" s="6">
        <v>70.385066258040041</v>
      </c>
      <c r="E22" s="5">
        <v>1.4027276647428792</v>
      </c>
    </row>
    <row r="23" spans="1:5" x14ac:dyDescent="0.25">
      <c r="A23" t="s">
        <v>47</v>
      </c>
      <c r="B23" s="5">
        <v>183.5302999475754</v>
      </c>
      <c r="C23" s="5">
        <v>62.258230626907299</v>
      </c>
      <c r="D23" s="6">
        <v>74.110295618812515</v>
      </c>
      <c r="E23" s="5">
        <v>0.85802127721599641</v>
      </c>
    </row>
    <row r="24" spans="1:5" x14ac:dyDescent="0.25">
      <c r="A24" t="s">
        <v>48</v>
      </c>
      <c r="B24" s="5">
        <v>185.09342847029075</v>
      </c>
      <c r="C24" s="5">
        <v>68.933234951426954</v>
      </c>
      <c r="D24" s="6">
        <v>74.83209824926756</v>
      </c>
      <c r="E24" s="5">
        <v>0.88592361346476967</v>
      </c>
    </row>
    <row r="25" spans="1:5" x14ac:dyDescent="0.25">
      <c r="A25" t="s">
        <v>49</v>
      </c>
      <c r="B25" s="5">
        <v>190.52535626302731</v>
      </c>
      <c r="C25" s="5">
        <v>68.623007599350501</v>
      </c>
      <c r="D25" s="6">
        <v>77.20470565522308</v>
      </c>
      <c r="E25" s="5">
        <v>1.3129698372378378</v>
      </c>
    </row>
    <row r="26" spans="1:5" x14ac:dyDescent="0.25">
      <c r="A26" t="s">
        <v>50</v>
      </c>
      <c r="B26" s="5">
        <v>191.4077709784172</v>
      </c>
      <c r="C26" s="5">
        <v>70.414962026665378</v>
      </c>
      <c r="D26" s="6">
        <v>76.101205837834954</v>
      </c>
      <c r="E26" s="5">
        <v>1.7300373729097125</v>
      </c>
    </row>
    <row r="27" spans="1:5" x14ac:dyDescent="0.25">
      <c r="A27" t="s">
        <v>51</v>
      </c>
      <c r="B27" s="5">
        <v>181.84418031058823</v>
      </c>
      <c r="C27" s="5">
        <v>70.202814878426125</v>
      </c>
      <c r="D27" s="6">
        <v>66.316371369309493</v>
      </c>
      <c r="E27" s="5">
        <v>1.9730022981467663</v>
      </c>
    </row>
    <row r="28" spans="1:5" x14ac:dyDescent="0.25">
      <c r="A28" t="s">
        <v>52</v>
      </c>
      <c r="B28" s="5">
        <v>190.39348071689503</v>
      </c>
      <c r="C28" s="5">
        <v>73.605677675344893</v>
      </c>
      <c r="D28" s="6">
        <v>78.080680623800205</v>
      </c>
      <c r="E28" s="5">
        <v>2.1627043857864341</v>
      </c>
    </row>
    <row r="29" spans="1:5" x14ac:dyDescent="0.25">
      <c r="A29" t="s">
        <v>53</v>
      </c>
      <c r="B29" s="5">
        <v>207.22285356762512</v>
      </c>
      <c r="C29" s="5">
        <v>87.154781728831779</v>
      </c>
      <c r="D29" s="6">
        <v>74.867829685254193</v>
      </c>
      <c r="E29" s="5">
        <v>3.3809252887894465</v>
      </c>
    </row>
    <row r="30" spans="1:5" x14ac:dyDescent="0.25">
      <c r="A30" t="s">
        <v>54</v>
      </c>
      <c r="B30" s="5">
        <v>214.19072525199999</v>
      </c>
      <c r="C30" s="5">
        <v>78.160449106434953</v>
      </c>
      <c r="D30" s="6">
        <v>77.512885545701181</v>
      </c>
      <c r="E30" s="5">
        <v>5.3166386358638924</v>
      </c>
    </row>
    <row r="31" spans="1:5" x14ac:dyDescent="0.25">
      <c r="A31" t="s">
        <v>55</v>
      </c>
      <c r="B31" s="5">
        <v>220.82150125024341</v>
      </c>
      <c r="C31" s="5">
        <v>76.752912744599513</v>
      </c>
      <c r="D31" s="6">
        <v>78.303338046733899</v>
      </c>
      <c r="E31" s="5">
        <v>5.2138196000979313</v>
      </c>
    </row>
    <row r="33" spans="1:2" ht="13" x14ac:dyDescent="0.3">
      <c r="A33" s="1" t="s">
        <v>56</v>
      </c>
      <c r="B33" t="s">
        <v>57</v>
      </c>
    </row>
    <row r="34" spans="1:2" ht="13" x14ac:dyDescent="0.3">
      <c r="A34" s="1"/>
      <c r="B34" t="s">
        <v>65</v>
      </c>
    </row>
    <row r="35" spans="1:2" ht="13" x14ac:dyDescent="0.3">
      <c r="A35" s="1"/>
      <c r="B35" t="s">
        <v>66</v>
      </c>
    </row>
    <row r="36" spans="1:2" ht="13" x14ac:dyDescent="0.3">
      <c r="A36" s="1" t="s">
        <v>67</v>
      </c>
      <c r="B36" t="s">
        <v>68</v>
      </c>
    </row>
  </sheetData>
  <pageMargins left="0.7" right="0.7" top="0.75" bottom="0.75" header="0.3" footer="0.3"/>
  <pageSetup paperSize="9" orientation="portrait" r:id="rId1"/>
  <headerFooter>
    <oddHeader>&amp;C&amp;"Aptos"&amp;12&amp;K000000  OFFICIAL&amp;1#_x000D_</oddHeader>
  </headerFooter>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74E1FAC-968B-458F-A212-53E85C271FBC}">
  <dimension ref="A1:E36"/>
  <sheetViews>
    <sheetView showGridLines="0" workbookViewId="0">
      <selection activeCell="A3" sqref="A3"/>
    </sheetView>
  </sheetViews>
  <sheetFormatPr defaultRowHeight="12.5" x14ac:dyDescent="0.25"/>
  <cols>
    <col min="1" max="1" width="18.7265625" customWidth="1"/>
    <col min="2" max="2" width="14.453125" bestFit="1" customWidth="1"/>
    <col min="3" max="3" width="23.54296875" bestFit="1" customWidth="1"/>
    <col min="4" max="4" width="14" bestFit="1" customWidth="1"/>
    <col min="5" max="5" width="12.1796875" bestFit="1" customWidth="1"/>
  </cols>
  <sheetData>
    <row r="1" spans="1:5" ht="13" x14ac:dyDescent="0.3">
      <c r="A1" s="1" t="s">
        <v>10</v>
      </c>
      <c r="B1" t="s">
        <v>69</v>
      </c>
    </row>
    <row r="2" spans="1:5" x14ac:dyDescent="0.25">
      <c r="A2" t="s">
        <v>70</v>
      </c>
    </row>
    <row r="4" spans="1:5" ht="13" x14ac:dyDescent="0.3">
      <c r="A4" s="1" t="s">
        <v>27</v>
      </c>
    </row>
    <row r="5" spans="1:5" x14ac:dyDescent="0.25">
      <c r="B5" t="s">
        <v>71</v>
      </c>
      <c r="C5" t="s">
        <v>72</v>
      </c>
      <c r="D5" t="s">
        <v>73</v>
      </c>
      <c r="E5" t="s">
        <v>74</v>
      </c>
    </row>
    <row r="6" spans="1:5" x14ac:dyDescent="0.25">
      <c r="A6" t="s">
        <v>30</v>
      </c>
      <c r="B6" s="5">
        <v>315.05705679492604</v>
      </c>
      <c r="C6" s="5">
        <v>6.951091112050741</v>
      </c>
      <c r="D6" s="6">
        <v>12.300835830866809</v>
      </c>
      <c r="E6" s="5">
        <v>7.6829161353065549</v>
      </c>
    </row>
    <row r="7" spans="1:5" x14ac:dyDescent="0.25">
      <c r="A7" t="s">
        <v>31</v>
      </c>
      <c r="B7" s="5">
        <v>332.08285288888885</v>
      </c>
      <c r="C7" s="5">
        <v>5.7245077860082292</v>
      </c>
      <c r="D7" s="6">
        <v>18.622716131687238</v>
      </c>
      <c r="E7" s="5">
        <v>5.4992520740740733</v>
      </c>
    </row>
    <row r="8" spans="1:5" x14ac:dyDescent="0.25">
      <c r="A8" t="s">
        <v>32</v>
      </c>
      <c r="B8" s="5">
        <v>364.15113777952763</v>
      </c>
      <c r="C8" s="5">
        <v>7.4140072755905519</v>
      </c>
      <c r="D8" s="6">
        <v>10.280251685039371</v>
      </c>
      <c r="E8" s="5">
        <v>3.3394642440944886</v>
      </c>
    </row>
    <row r="9" spans="1:5" x14ac:dyDescent="0.25">
      <c r="A9" t="s">
        <v>33</v>
      </c>
      <c r="B9" s="5">
        <v>358.99008260536391</v>
      </c>
      <c r="C9" s="5">
        <v>7.0235631264367804</v>
      </c>
      <c r="D9" s="6">
        <v>13.84485406130268</v>
      </c>
      <c r="E9" s="5">
        <v>3.9480774022988498</v>
      </c>
    </row>
    <row r="10" spans="1:5" x14ac:dyDescent="0.25">
      <c r="A10" t="s">
        <v>34</v>
      </c>
      <c r="B10" s="5">
        <v>381.60601925650559</v>
      </c>
      <c r="C10" s="5">
        <v>6.819390550185874</v>
      </c>
      <c r="D10" s="6">
        <v>11.862093888475837</v>
      </c>
      <c r="E10" s="5">
        <v>4.2941290780669146</v>
      </c>
    </row>
    <row r="11" spans="1:5" x14ac:dyDescent="0.25">
      <c r="A11" t="s">
        <v>35</v>
      </c>
      <c r="B11" s="5">
        <v>397.32317184144154</v>
      </c>
      <c r="C11" s="5">
        <v>7.4861476252252261</v>
      </c>
      <c r="D11" s="6">
        <v>12.524331055855859</v>
      </c>
      <c r="E11" s="5">
        <v>3.8316455783783794</v>
      </c>
    </row>
    <row r="12" spans="1:5" x14ac:dyDescent="0.25">
      <c r="A12" t="s">
        <v>36</v>
      </c>
      <c r="B12" s="5">
        <v>417.6863717157712</v>
      </c>
      <c r="C12" s="5">
        <v>8.1119774696707108</v>
      </c>
      <c r="D12" s="6">
        <v>11.454730259965338</v>
      </c>
      <c r="E12" s="5">
        <v>4.2999014072790294</v>
      </c>
    </row>
    <row r="13" spans="1:5" x14ac:dyDescent="0.25">
      <c r="A13" t="s">
        <v>37</v>
      </c>
      <c r="B13" s="5">
        <v>425.35044509570963</v>
      </c>
      <c r="C13" s="5">
        <v>8.0841582310231033</v>
      </c>
      <c r="D13" s="6">
        <v>14.931669630363038</v>
      </c>
      <c r="E13" s="5">
        <v>4.6673507656765683</v>
      </c>
    </row>
    <row r="14" spans="1:5" x14ac:dyDescent="0.25">
      <c r="A14" t="s">
        <v>38</v>
      </c>
      <c r="B14" s="5">
        <v>433.04473745911957</v>
      </c>
      <c r="C14" s="5">
        <v>8.5845846540880526</v>
      </c>
      <c r="D14" s="6">
        <v>14.639790792452832</v>
      </c>
      <c r="E14" s="5">
        <v>3.8980966792452838</v>
      </c>
    </row>
    <row r="15" spans="1:5" x14ac:dyDescent="0.25">
      <c r="A15" t="s">
        <v>39</v>
      </c>
      <c r="B15" s="5">
        <v>451.08784451651661</v>
      </c>
      <c r="C15" s="5">
        <v>8.5256891651651667</v>
      </c>
      <c r="D15" s="6">
        <v>16.349673795795802</v>
      </c>
      <c r="E15" s="5">
        <v>3.7200931411411422</v>
      </c>
    </row>
    <row r="16" spans="1:5" x14ac:dyDescent="0.25">
      <c r="A16" t="s">
        <v>40</v>
      </c>
      <c r="B16" s="5">
        <v>418.66689818338119</v>
      </c>
      <c r="C16" s="5">
        <v>9.7033827392550158</v>
      </c>
      <c r="D16" s="6">
        <v>15.899243747851006</v>
      </c>
      <c r="E16" s="5">
        <v>5.9446033180515778</v>
      </c>
    </row>
    <row r="17" spans="1:5" x14ac:dyDescent="0.25">
      <c r="A17" t="s">
        <v>41</v>
      </c>
      <c r="B17" s="5">
        <v>397.45086446393208</v>
      </c>
      <c r="C17" s="5">
        <v>11.806716526166902</v>
      </c>
      <c r="D17" s="6">
        <v>20.516589080622346</v>
      </c>
      <c r="E17" s="5">
        <v>5.8120336520509186</v>
      </c>
    </row>
    <row r="18" spans="1:5" x14ac:dyDescent="0.25">
      <c r="A18" t="s">
        <v>42</v>
      </c>
      <c r="B18" s="5">
        <v>404.38418101866671</v>
      </c>
      <c r="C18" s="5">
        <v>11.149645845333334</v>
      </c>
      <c r="D18" s="6">
        <v>13.313890378666667</v>
      </c>
      <c r="E18" s="5">
        <v>6.1382264319999997</v>
      </c>
    </row>
    <row r="19" spans="1:5" x14ac:dyDescent="0.25">
      <c r="A19" t="s">
        <v>43</v>
      </c>
      <c r="B19" s="5">
        <v>436.03744614659684</v>
      </c>
      <c r="C19" s="5">
        <v>11.470546717277486</v>
      </c>
      <c r="D19" s="6">
        <v>12.115309806282722</v>
      </c>
      <c r="E19" s="5">
        <v>6.8095684607329847</v>
      </c>
    </row>
    <row r="20" spans="1:5" x14ac:dyDescent="0.25">
      <c r="A20" t="s">
        <v>44</v>
      </c>
      <c r="B20" s="5">
        <v>465.11118583486245</v>
      </c>
      <c r="C20" s="5">
        <v>11.81340159895151</v>
      </c>
      <c r="D20" s="6">
        <v>13.272445630406294</v>
      </c>
      <c r="E20" s="5">
        <v>9.5891551035386637</v>
      </c>
    </row>
    <row r="21" spans="1:5" x14ac:dyDescent="0.25">
      <c r="A21" t="s">
        <v>45</v>
      </c>
      <c r="B21" s="5">
        <v>476.63861942561454</v>
      </c>
      <c r="C21" s="5">
        <v>12.23133181371281</v>
      </c>
      <c r="D21" s="6">
        <v>11.866245624838294</v>
      </c>
      <c r="E21" s="5">
        <v>9.3800538887451488</v>
      </c>
    </row>
    <row r="22" spans="1:5" x14ac:dyDescent="0.25">
      <c r="A22" t="s">
        <v>46</v>
      </c>
      <c r="B22" s="5">
        <v>486.02075644733418</v>
      </c>
      <c r="C22" s="5">
        <v>13.083933305591676</v>
      </c>
      <c r="D22" s="6">
        <v>14.417001986996098</v>
      </c>
      <c r="E22" s="5">
        <v>9.3131439583875153</v>
      </c>
    </row>
    <row r="23" spans="1:5" x14ac:dyDescent="0.25">
      <c r="A23" t="s">
        <v>47</v>
      </c>
      <c r="B23" s="5">
        <v>509.19886510091754</v>
      </c>
      <c r="C23" s="5">
        <v>11.322331307994759</v>
      </c>
      <c r="D23" s="6">
        <v>12.947682338138927</v>
      </c>
      <c r="E23" s="5">
        <v>12.021419087811273</v>
      </c>
    </row>
    <row r="24" spans="1:5" x14ac:dyDescent="0.25">
      <c r="A24" t="s">
        <v>48</v>
      </c>
      <c r="B24" s="5">
        <v>516.87772497092294</v>
      </c>
      <c r="C24" s="5">
        <v>11.432756960809103</v>
      </c>
      <c r="D24" s="6">
        <v>15.362454417193426</v>
      </c>
      <c r="E24" s="5">
        <v>15.035378174462704</v>
      </c>
    </row>
    <row r="25" spans="1:5" x14ac:dyDescent="0.25">
      <c r="A25" t="s">
        <v>49</v>
      </c>
      <c r="B25" s="5">
        <v>557.99064651116635</v>
      </c>
      <c r="C25" s="5">
        <v>12.120169007444169</v>
      </c>
      <c r="D25" s="6">
        <v>14.083442471464021</v>
      </c>
      <c r="E25" s="5">
        <v>15.649806516129035</v>
      </c>
    </row>
    <row r="26" spans="1:5" x14ac:dyDescent="0.25">
      <c r="A26" t="s">
        <v>50</v>
      </c>
      <c r="B26" s="5">
        <v>575.00333183213411</v>
      </c>
      <c r="C26" s="5">
        <v>11.812254599520381</v>
      </c>
      <c r="D26" s="6">
        <v>16.219135577937646</v>
      </c>
      <c r="E26" s="5">
        <v>18.171628657074336</v>
      </c>
    </row>
    <row r="27" spans="1:5" x14ac:dyDescent="0.25">
      <c r="A27" t="s">
        <v>51</v>
      </c>
      <c r="B27" s="5">
        <v>554.07810525176478</v>
      </c>
      <c r="C27" s="5">
        <v>11.781594291764707</v>
      </c>
      <c r="D27" s="6">
        <v>15.745665195294119</v>
      </c>
      <c r="E27" s="5">
        <v>22.02268557647059</v>
      </c>
    </row>
    <row r="28" spans="1:5" x14ac:dyDescent="0.25">
      <c r="A28" t="s">
        <v>52</v>
      </c>
      <c r="B28" s="5">
        <v>577.67735156621018</v>
      </c>
      <c r="C28" s="5">
        <v>10.127977484018267</v>
      </c>
      <c r="D28" s="6">
        <v>16.743136022831052</v>
      </c>
      <c r="E28" s="5">
        <v>25.642473579908682</v>
      </c>
    </row>
    <row r="29" spans="1:5" x14ac:dyDescent="0.25">
      <c r="A29" t="s">
        <v>53</v>
      </c>
      <c r="B29" s="5">
        <v>617.11784173375929</v>
      </c>
      <c r="C29" s="5">
        <v>10.30052187859425</v>
      </c>
      <c r="D29" s="6">
        <v>20.35251519914803</v>
      </c>
      <c r="E29" s="5">
        <v>25.589813733759318</v>
      </c>
    </row>
    <row r="30" spans="1:5" x14ac:dyDescent="0.25">
      <c r="A30" t="s">
        <v>54</v>
      </c>
      <c r="B30" s="5">
        <v>650.00546258000008</v>
      </c>
      <c r="C30" s="5">
        <v>11.210344492000001</v>
      </c>
      <c r="D30" s="6">
        <v>18.727630359999999</v>
      </c>
      <c r="E30" s="5">
        <v>25.263662176000004</v>
      </c>
    </row>
    <row r="31" spans="1:5" x14ac:dyDescent="0.25">
      <c r="A31" t="s">
        <v>55</v>
      </c>
      <c r="B31" s="5">
        <v>665.17006234469318</v>
      </c>
      <c r="C31" s="5">
        <v>11.233956650438168</v>
      </c>
      <c r="D31" s="6">
        <v>20.865231762414798</v>
      </c>
      <c r="E31" s="5">
        <v>26.56235056669912</v>
      </c>
    </row>
    <row r="33" spans="1:2" ht="13" x14ac:dyDescent="0.3">
      <c r="A33" s="1" t="s">
        <v>56</v>
      </c>
      <c r="B33" t="s">
        <v>57</v>
      </c>
    </row>
    <row r="34" spans="1:2" ht="13" x14ac:dyDescent="0.3">
      <c r="A34" s="1"/>
      <c r="B34" t="s">
        <v>75</v>
      </c>
    </row>
    <row r="35" spans="1:2" ht="13" x14ac:dyDescent="0.3">
      <c r="A35" s="1"/>
      <c r="B35" t="s">
        <v>76</v>
      </c>
    </row>
    <row r="36" spans="1:2" ht="13" x14ac:dyDescent="0.3">
      <c r="A36" s="1" t="s">
        <v>67</v>
      </c>
      <c r="B36" t="s">
        <v>77</v>
      </c>
    </row>
  </sheetData>
  <pageMargins left="0.7" right="0.7" top="0.75" bottom="0.75" header="0.3" footer="0.3"/>
  <pageSetup paperSize="9" orientation="portrait" r:id="rId1"/>
  <headerFooter>
    <oddHeader>&amp;C&amp;"Aptos"&amp;12&amp;K000000  OFFICIAL&amp;1#_x000D_</oddHeader>
  </headerFooter>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EACDCBB-DDED-49E7-A905-32263AD5A67E}">
  <dimension ref="A1:H37"/>
  <sheetViews>
    <sheetView showGridLines="0" workbookViewId="0">
      <selection activeCell="A3" sqref="A3"/>
    </sheetView>
  </sheetViews>
  <sheetFormatPr defaultRowHeight="12.5" x14ac:dyDescent="0.25"/>
  <cols>
    <col min="1" max="1" width="18.7265625" customWidth="1"/>
    <col min="2" max="2" width="8.54296875" bestFit="1" customWidth="1"/>
    <col min="4" max="4" width="19.54296875" bestFit="1" customWidth="1"/>
    <col min="5" max="5" width="14.1796875" bestFit="1" customWidth="1"/>
    <col min="7" max="7" width="12.453125" bestFit="1" customWidth="1"/>
    <col min="8" max="8" width="15.453125" bestFit="1" customWidth="1"/>
  </cols>
  <sheetData>
    <row r="1" spans="1:8" ht="13" x14ac:dyDescent="0.3">
      <c r="A1" s="1" t="s">
        <v>12</v>
      </c>
      <c r="B1" t="s">
        <v>69</v>
      </c>
    </row>
    <row r="2" spans="1:8" x14ac:dyDescent="0.25">
      <c r="A2" t="s">
        <v>78</v>
      </c>
    </row>
    <row r="4" spans="1:8" ht="13" x14ac:dyDescent="0.3">
      <c r="A4" s="1" t="s">
        <v>79</v>
      </c>
    </row>
    <row r="5" spans="1:8" x14ac:dyDescent="0.25">
      <c r="B5" t="s">
        <v>80</v>
      </c>
      <c r="C5" t="s">
        <v>81</v>
      </c>
      <c r="D5" t="s">
        <v>82</v>
      </c>
      <c r="E5" t="s">
        <v>83</v>
      </c>
      <c r="F5" t="s">
        <v>84</v>
      </c>
      <c r="G5" t="s">
        <v>85</v>
      </c>
      <c r="H5" t="s">
        <v>86</v>
      </c>
    </row>
    <row r="6" spans="1:8" x14ac:dyDescent="0.25">
      <c r="A6" t="s">
        <v>30</v>
      </c>
      <c r="B6" s="5">
        <v>24.178414029598311</v>
      </c>
      <c r="C6" s="6">
        <v>48.531413353065545</v>
      </c>
      <c r="D6" s="5">
        <v>84.225481995771673</v>
      </c>
      <c r="E6" s="5">
        <v>127.17748101479918</v>
      </c>
      <c r="F6" s="6">
        <v>19.855492482029604</v>
      </c>
      <c r="G6" s="6">
        <v>25.112423221987317</v>
      </c>
      <c r="H6" s="6">
        <v>7.0461291923890075</v>
      </c>
    </row>
    <row r="7" spans="1:8" x14ac:dyDescent="0.25">
      <c r="A7" t="s">
        <v>31</v>
      </c>
      <c r="B7" s="5">
        <v>25.642586584362139</v>
      </c>
      <c r="C7" s="6">
        <v>55.422710814814806</v>
      </c>
      <c r="D7" s="5">
        <v>80.375834781893005</v>
      </c>
      <c r="E7" s="5">
        <v>127.28413813991767</v>
      </c>
      <c r="F7" s="6">
        <v>19.372157901234562</v>
      </c>
      <c r="G7" s="6">
        <v>28.999325934156374</v>
      </c>
      <c r="H7" s="6">
        <v>9.1647166255144015</v>
      </c>
    </row>
    <row r="8" spans="1:8" x14ac:dyDescent="0.25">
      <c r="A8" t="s">
        <v>32</v>
      </c>
      <c r="B8" s="5">
        <v>26.53313396850394</v>
      </c>
      <c r="C8" s="6">
        <v>52.404106417322843</v>
      </c>
      <c r="D8" s="5">
        <v>102.48599945669294</v>
      </c>
      <c r="E8" s="5">
        <v>141.77689895275591</v>
      </c>
      <c r="F8" s="6">
        <v>22.901195086614177</v>
      </c>
      <c r="G8" s="6">
        <v>26.414868874015752</v>
      </c>
      <c r="H8" s="6">
        <v>7.3374991259842535</v>
      </c>
    </row>
    <row r="9" spans="1:8" x14ac:dyDescent="0.25">
      <c r="A9" t="s">
        <v>33</v>
      </c>
      <c r="B9" s="5">
        <v>28.598855793103446</v>
      </c>
      <c r="C9" s="6">
        <v>55.755099149425277</v>
      </c>
      <c r="D9" s="5">
        <v>104.42326325670497</v>
      </c>
      <c r="E9" s="5">
        <v>142.97857554789269</v>
      </c>
      <c r="F9" s="6">
        <v>24.405652314176244</v>
      </c>
      <c r="G9" s="6">
        <v>34.010791195402291</v>
      </c>
      <c r="H9" s="6">
        <v>7.7316236168582364</v>
      </c>
    </row>
    <row r="10" spans="1:8" x14ac:dyDescent="0.25">
      <c r="A10" t="s">
        <v>34</v>
      </c>
      <c r="B10" s="5">
        <v>28.304462810408925</v>
      </c>
      <c r="C10" s="6">
        <v>57.112272423791829</v>
      </c>
      <c r="D10" s="5">
        <v>104.67363434200745</v>
      </c>
      <c r="E10" s="5">
        <v>142.73058102602232</v>
      </c>
      <c r="F10" s="6">
        <v>26.1829112267658</v>
      </c>
      <c r="G10" s="6">
        <v>31.783430721189593</v>
      </c>
      <c r="H10" s="6">
        <v>10.22102668401487</v>
      </c>
    </row>
    <row r="11" spans="1:8" x14ac:dyDescent="0.25">
      <c r="A11" t="s">
        <v>35</v>
      </c>
      <c r="B11" s="5">
        <v>29.988757441441447</v>
      </c>
      <c r="C11" s="6">
        <v>60.153352418018031</v>
      </c>
      <c r="D11" s="5">
        <v>102.83672275315317</v>
      </c>
      <c r="E11" s="5">
        <v>154.67158704144148</v>
      </c>
      <c r="F11" s="6">
        <v>25.260978457657661</v>
      </c>
      <c r="G11" s="6">
        <v>33.145849246846858</v>
      </c>
      <c r="H11" s="6">
        <v>7.8586845189189205</v>
      </c>
    </row>
    <row r="12" spans="1:8" x14ac:dyDescent="0.25">
      <c r="A12" t="s">
        <v>36</v>
      </c>
      <c r="B12" s="5">
        <v>31.038248110918545</v>
      </c>
      <c r="C12" s="6">
        <v>65.071051597920274</v>
      </c>
      <c r="D12" s="5">
        <v>106.86528135875216</v>
      </c>
      <c r="E12" s="5">
        <v>154.40013473136915</v>
      </c>
      <c r="F12" s="6">
        <v>25.117643161178506</v>
      </c>
      <c r="G12" s="6">
        <v>34.439810800693238</v>
      </c>
      <c r="H12" s="6">
        <v>9.2770246239168106</v>
      </c>
    </row>
    <row r="13" spans="1:8" x14ac:dyDescent="0.25">
      <c r="A13" t="s">
        <v>37</v>
      </c>
      <c r="B13" s="5">
        <v>31.859476277227724</v>
      </c>
      <c r="C13" s="6">
        <v>64.945049874587468</v>
      </c>
      <c r="D13" s="5">
        <v>106.95766458745877</v>
      </c>
      <c r="E13" s="5">
        <v>153.20840017821783</v>
      </c>
      <c r="F13" s="6">
        <v>25.943595940594061</v>
      </c>
      <c r="G13" s="6">
        <v>35.994775438943897</v>
      </c>
      <c r="H13" s="6">
        <v>11.184810184818483</v>
      </c>
    </row>
    <row r="14" spans="1:8" x14ac:dyDescent="0.25">
      <c r="A14" t="s">
        <v>38</v>
      </c>
      <c r="B14" s="5">
        <v>31.472826251572332</v>
      </c>
      <c r="C14" s="6">
        <v>65.968199025157247</v>
      </c>
      <c r="D14" s="5">
        <v>107.30818153459121</v>
      </c>
      <c r="E14" s="5">
        <v>155.76780065408809</v>
      </c>
      <c r="F14" s="6">
        <v>27.547936654088055</v>
      </c>
      <c r="G14" s="6">
        <v>37.935234132075479</v>
      </c>
      <c r="H14" s="6">
        <v>11.383548094339623</v>
      </c>
    </row>
    <row r="15" spans="1:8" x14ac:dyDescent="0.25">
      <c r="A15" t="s">
        <v>39</v>
      </c>
      <c r="B15" s="5">
        <v>33.881293285285295</v>
      </c>
      <c r="C15" s="6">
        <v>70.039013477477496</v>
      </c>
      <c r="D15" s="5">
        <v>109.00651351951956</v>
      </c>
      <c r="E15" s="5">
        <v>157.61738954354357</v>
      </c>
      <c r="F15" s="6">
        <v>27.16195288288289</v>
      </c>
      <c r="G15" s="6">
        <v>42.365074624624633</v>
      </c>
      <c r="H15" s="6">
        <v>11.128313471471474</v>
      </c>
    </row>
    <row r="16" spans="1:8" x14ac:dyDescent="0.25">
      <c r="A16" t="s">
        <v>40</v>
      </c>
      <c r="B16" s="5">
        <v>37.855183071633249</v>
      </c>
      <c r="C16" s="6">
        <v>74.199783065902594</v>
      </c>
      <c r="D16" s="5">
        <v>106.55158488252151</v>
      </c>
      <c r="E16" s="5">
        <v>192.9361383553009</v>
      </c>
      <c r="F16" s="6">
        <v>28.314427776504303</v>
      </c>
      <c r="G16" s="6">
        <v>46.792232040114627</v>
      </c>
      <c r="H16" s="6">
        <v>13.504668687679086</v>
      </c>
    </row>
    <row r="17" spans="1:8" x14ac:dyDescent="0.25">
      <c r="A17" t="s">
        <v>41</v>
      </c>
      <c r="B17" s="5">
        <v>59.141468429985849</v>
      </c>
      <c r="C17" s="6">
        <v>76.86887815558697</v>
      </c>
      <c r="D17" s="5">
        <v>111.74247281471004</v>
      </c>
      <c r="E17" s="5">
        <v>172.44963120792079</v>
      </c>
      <c r="F17" s="6">
        <v>29.637549606789246</v>
      </c>
      <c r="G17" s="6">
        <v>54.038514025459683</v>
      </c>
      <c r="H17" s="6">
        <v>15.008284345120225</v>
      </c>
    </row>
    <row r="18" spans="1:8" x14ac:dyDescent="0.25">
      <c r="A18" t="s">
        <v>42</v>
      </c>
      <c r="B18" s="5">
        <v>53.069893333333333</v>
      </c>
      <c r="C18" s="6">
        <v>78.856377066666667</v>
      </c>
      <c r="D18" s="5">
        <v>114.87941132266667</v>
      </c>
      <c r="E18" s="5">
        <v>177.40226806933333</v>
      </c>
      <c r="F18" s="6">
        <v>29.186039968000003</v>
      </c>
      <c r="G18" s="6">
        <v>47.442488645333334</v>
      </c>
      <c r="H18" s="6">
        <v>12.845697077333332</v>
      </c>
    </row>
    <row r="19" spans="1:8" x14ac:dyDescent="0.25">
      <c r="A19" t="s">
        <v>43</v>
      </c>
      <c r="B19" s="5">
        <v>45.190151251308897</v>
      </c>
      <c r="C19" s="6">
        <v>85.294919356020941</v>
      </c>
      <c r="D19" s="5">
        <v>120.86865461256544</v>
      </c>
      <c r="E19" s="5">
        <v>179.96869685863874</v>
      </c>
      <c r="F19" s="6">
        <v>30.709204638743454</v>
      </c>
      <c r="G19" s="6">
        <v>60.253743382198955</v>
      </c>
      <c r="H19" s="6">
        <v>12.953742790575916</v>
      </c>
    </row>
    <row r="20" spans="1:8" x14ac:dyDescent="0.25">
      <c r="A20" t="s">
        <v>44</v>
      </c>
      <c r="B20" s="5">
        <v>45.089467292267372</v>
      </c>
      <c r="C20" s="6">
        <v>84.670345467889916</v>
      </c>
      <c r="D20" s="5">
        <v>121.5604461703801</v>
      </c>
      <c r="E20" s="5">
        <v>187.57367918217565</v>
      </c>
      <c r="F20" s="6">
        <v>32.389786715596337</v>
      </c>
      <c r="G20" s="6">
        <v>58.165490872870258</v>
      </c>
      <c r="H20" s="6">
        <v>10.240494768020971</v>
      </c>
    </row>
    <row r="21" spans="1:8" x14ac:dyDescent="0.25">
      <c r="A21" t="s">
        <v>45</v>
      </c>
      <c r="B21" s="5">
        <v>45.307363161707642</v>
      </c>
      <c r="C21" s="6">
        <v>86.862196051746452</v>
      </c>
      <c r="D21" s="5">
        <v>129.30442428460543</v>
      </c>
      <c r="E21" s="5">
        <v>194.95487895472189</v>
      </c>
      <c r="F21" s="6">
        <v>32.383897003880982</v>
      </c>
      <c r="G21" s="6">
        <v>63.648029148771023</v>
      </c>
      <c r="H21" s="6">
        <v>12.497519115135836</v>
      </c>
    </row>
    <row r="22" spans="1:8" x14ac:dyDescent="0.25">
      <c r="A22" t="s">
        <v>46</v>
      </c>
      <c r="B22" s="5">
        <v>46.914773118335496</v>
      </c>
      <c r="C22" s="6">
        <v>90.061074299089711</v>
      </c>
      <c r="D22" s="5">
        <v>136.80653560988296</v>
      </c>
      <c r="E22" s="5">
        <v>206.16678483224965</v>
      </c>
      <c r="F22" s="6">
        <v>35.469393425227565</v>
      </c>
      <c r="G22" s="6">
        <v>57.805354824447328</v>
      </c>
      <c r="H22" s="6">
        <v>14.925178179453836</v>
      </c>
    </row>
    <row r="23" spans="1:8" x14ac:dyDescent="0.25">
      <c r="A23" t="s">
        <v>47</v>
      </c>
      <c r="B23" s="5">
        <v>47.781385006553094</v>
      </c>
      <c r="C23" s="6">
        <v>95.207551114023616</v>
      </c>
      <c r="D23" s="5">
        <v>140.31390831454786</v>
      </c>
      <c r="E23" s="5">
        <v>213.37493191087816</v>
      </c>
      <c r="F23" s="6">
        <v>40.471520954128444</v>
      </c>
      <c r="G23" s="6">
        <v>56.946344204456103</v>
      </c>
      <c r="H23" s="6">
        <v>13.947558013106162</v>
      </c>
    </row>
    <row r="24" spans="1:8" x14ac:dyDescent="0.25">
      <c r="A24" t="s">
        <v>48</v>
      </c>
      <c r="B24" s="5">
        <v>48.075842745891272</v>
      </c>
      <c r="C24" s="6">
        <v>99.516304672566363</v>
      </c>
      <c r="D24" s="5">
        <v>141.53266066750948</v>
      </c>
      <c r="E24" s="5">
        <v>208.68816458659924</v>
      </c>
      <c r="F24" s="6">
        <v>41.909266118836918</v>
      </c>
      <c r="G24" s="6">
        <v>58.896325067003787</v>
      </c>
      <c r="H24" s="6">
        <v>14.538719797724399</v>
      </c>
    </row>
    <row r="25" spans="1:8" x14ac:dyDescent="0.25">
      <c r="A25" t="s">
        <v>49</v>
      </c>
      <c r="B25" s="5">
        <v>48.624061280397029</v>
      </c>
      <c r="C25" s="6">
        <v>103.34820460049629</v>
      </c>
      <c r="D25" s="5">
        <v>140.41261317617867</v>
      </c>
      <c r="E25" s="5">
        <v>209.42684779156329</v>
      </c>
      <c r="F25" s="6">
        <v>41.991637220843671</v>
      </c>
      <c r="G25" s="6">
        <v>61.654596630272955</v>
      </c>
      <c r="H25" s="6">
        <v>16.514530937965262</v>
      </c>
    </row>
    <row r="26" spans="1:8" x14ac:dyDescent="0.25">
      <c r="A26" t="s">
        <v>50</v>
      </c>
      <c r="B26" s="5">
        <v>48.266033721822531</v>
      </c>
      <c r="C26" s="6">
        <v>104.3294069304556</v>
      </c>
      <c r="D26" s="5">
        <v>141.59920252278172</v>
      </c>
      <c r="E26" s="5">
        <v>218.46823705515581</v>
      </c>
      <c r="F26" s="6">
        <v>43.782055270983207</v>
      </c>
      <c r="G26" s="6">
        <v>59.397766676258982</v>
      </c>
      <c r="H26" s="6">
        <v>17.374038585131892</v>
      </c>
    </row>
    <row r="27" spans="1:8" x14ac:dyDescent="0.25">
      <c r="A27" t="s">
        <v>51</v>
      </c>
      <c r="B27" s="5">
        <v>54.392674832941182</v>
      </c>
      <c r="C27" s="6">
        <v>111.65596681882354</v>
      </c>
      <c r="D27" s="5">
        <v>129.58678453176472</v>
      </c>
      <c r="E27" s="5">
        <v>247.49085658352945</v>
      </c>
      <c r="F27" s="6">
        <v>48.814666371764709</v>
      </c>
      <c r="G27" s="6">
        <v>121.98128369882355</v>
      </c>
      <c r="H27" s="6">
        <v>16.936238348235293</v>
      </c>
    </row>
    <row r="28" spans="1:8" x14ac:dyDescent="0.25">
      <c r="A28" t="s">
        <v>52</v>
      </c>
      <c r="B28" s="5">
        <v>57.495945552511422</v>
      </c>
      <c r="C28" s="6">
        <v>116.57815939269409</v>
      </c>
      <c r="D28" s="5">
        <v>138.99400246118725</v>
      </c>
      <c r="E28" s="5">
        <v>271.55744236073065</v>
      </c>
      <c r="F28" s="6">
        <v>48.827526799086762</v>
      </c>
      <c r="G28" s="6">
        <v>159.9895482557078</v>
      </c>
      <c r="H28" s="6">
        <v>17.08153175799087</v>
      </c>
    </row>
    <row r="29" spans="1:8" x14ac:dyDescent="0.25">
      <c r="A29" t="s">
        <v>53</v>
      </c>
      <c r="B29" s="5">
        <v>56.336207689030886</v>
      </c>
      <c r="C29" s="6">
        <v>123.03361379339724</v>
      </c>
      <c r="D29" s="5">
        <v>137.93542794462192</v>
      </c>
      <c r="E29" s="5">
        <v>259.49457691160808</v>
      </c>
      <c r="F29" s="6">
        <v>49.796328132055379</v>
      </c>
      <c r="G29" s="6">
        <v>71.887664890308841</v>
      </c>
      <c r="H29" s="6">
        <v>17.711601959531414</v>
      </c>
    </row>
    <row r="30" spans="1:8" x14ac:dyDescent="0.25">
      <c r="A30" t="s">
        <v>54</v>
      </c>
      <c r="B30" s="5">
        <v>54.188408488000007</v>
      </c>
      <c r="C30" s="6">
        <v>112.45660658</v>
      </c>
      <c r="D30" s="5">
        <v>148.933873396</v>
      </c>
      <c r="E30" s="5">
        <v>244.03011823599999</v>
      </c>
      <c r="F30" s="6">
        <v>47.714623512000003</v>
      </c>
      <c r="G30" s="6">
        <v>65.64408884800001</v>
      </c>
      <c r="H30" s="6">
        <v>16.451069748000002</v>
      </c>
    </row>
    <row r="31" spans="1:8" x14ac:dyDescent="0.25">
      <c r="A31" t="s">
        <v>55</v>
      </c>
      <c r="B31" s="5">
        <v>54.660566843232715</v>
      </c>
      <c r="C31" s="6">
        <v>111.49751476923076</v>
      </c>
      <c r="D31" s="5">
        <v>153.59563539240506</v>
      </c>
      <c r="E31" s="5">
        <v>265.43469573904576</v>
      </c>
      <c r="F31" s="6">
        <v>49.868104529698151</v>
      </c>
      <c r="G31" s="6">
        <v>68.859193682570591</v>
      </c>
      <c r="H31" s="6">
        <v>17.971908070107105</v>
      </c>
    </row>
    <row r="33" spans="1:2" ht="13" x14ac:dyDescent="0.3">
      <c r="A33" s="1" t="s">
        <v>87</v>
      </c>
      <c r="B33" t="s">
        <v>57</v>
      </c>
    </row>
    <row r="34" spans="1:2" ht="13" x14ac:dyDescent="0.3">
      <c r="A34" s="1"/>
      <c r="B34" t="s">
        <v>88</v>
      </c>
    </row>
    <row r="35" spans="1:2" ht="13" x14ac:dyDescent="0.3">
      <c r="A35" s="1"/>
      <c r="B35" t="s">
        <v>89</v>
      </c>
    </row>
    <row r="36" spans="1:2" ht="13" x14ac:dyDescent="0.3">
      <c r="A36" s="1"/>
      <c r="B36" t="s">
        <v>90</v>
      </c>
    </row>
    <row r="37" spans="1:2" ht="13" x14ac:dyDescent="0.3">
      <c r="A37" s="1" t="s">
        <v>67</v>
      </c>
      <c r="B37" t="s">
        <v>77</v>
      </c>
    </row>
  </sheetData>
  <pageMargins left="0.7" right="0.7" top="0.75" bottom="0.75" header="0.3" footer="0.3"/>
  <pageSetup paperSize="9" orientation="portrait" r:id="rId1"/>
  <headerFooter>
    <oddHeader>&amp;C&amp;"Aptos"&amp;12&amp;K000000  OFFICIAL&amp;1#_x000D_</oddHeader>
  </headerFooter>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CCA0CA3-EB61-4B28-8399-373E2DDDB245}">
  <dimension ref="A1:H39"/>
  <sheetViews>
    <sheetView showGridLines="0" workbookViewId="0">
      <selection activeCell="A3" sqref="A3"/>
    </sheetView>
  </sheetViews>
  <sheetFormatPr defaultRowHeight="12.5" x14ac:dyDescent="0.25"/>
  <cols>
    <col min="1" max="1" width="18.7265625" customWidth="1"/>
    <col min="2" max="2" width="18.453125" bestFit="1" customWidth="1"/>
    <col min="4" max="5" width="8.7265625" customWidth="1"/>
    <col min="7" max="8" width="8.7265625" customWidth="1"/>
  </cols>
  <sheetData>
    <row r="1" spans="1:8" ht="13" x14ac:dyDescent="0.3">
      <c r="A1" s="1" t="s">
        <v>14</v>
      </c>
      <c r="B1" t="s">
        <v>69</v>
      </c>
    </row>
    <row r="2" spans="1:8" x14ac:dyDescent="0.25">
      <c r="A2" t="s">
        <v>91</v>
      </c>
    </row>
    <row r="4" spans="1:8" ht="13" x14ac:dyDescent="0.3">
      <c r="A4" s="1" t="s">
        <v>92</v>
      </c>
    </row>
    <row r="5" spans="1:8" x14ac:dyDescent="0.25">
      <c r="B5" t="s">
        <v>93</v>
      </c>
    </row>
    <row r="6" spans="1:8" x14ac:dyDescent="0.25">
      <c r="A6" t="s">
        <v>30</v>
      </c>
      <c r="B6" s="5">
        <v>12.911193775898521</v>
      </c>
      <c r="C6" s="6"/>
      <c r="D6" s="5"/>
      <c r="E6" s="5"/>
      <c r="F6" s="6"/>
      <c r="G6" s="6"/>
      <c r="H6" s="6"/>
    </row>
    <row r="7" spans="1:8" x14ac:dyDescent="0.25">
      <c r="A7" t="s">
        <v>31</v>
      </c>
      <c r="B7" s="5">
        <v>24.832574724279834</v>
      </c>
      <c r="C7" s="6"/>
      <c r="D7" s="5"/>
      <c r="E7" s="5"/>
      <c r="F7" s="6"/>
      <c r="G7" s="6"/>
      <c r="H7" s="6"/>
    </row>
    <row r="8" spans="1:8" x14ac:dyDescent="0.25">
      <c r="A8" t="s">
        <v>32</v>
      </c>
      <c r="B8" s="5">
        <v>12.668658228346459</v>
      </c>
      <c r="C8" s="6"/>
      <c r="D8" s="5"/>
      <c r="E8" s="5"/>
      <c r="F8" s="6"/>
      <c r="G8" s="6"/>
      <c r="H8" s="6"/>
    </row>
    <row r="9" spans="1:8" x14ac:dyDescent="0.25">
      <c r="A9" t="s">
        <v>33</v>
      </c>
      <c r="B9" s="5">
        <v>-6.3656600613026812</v>
      </c>
      <c r="C9" s="6"/>
      <c r="D9" s="5"/>
      <c r="E9" s="5"/>
      <c r="F9" s="6"/>
      <c r="G9" s="6"/>
      <c r="H9" s="6"/>
    </row>
    <row r="10" spans="1:8" x14ac:dyDescent="0.25">
      <c r="A10" t="s">
        <v>34</v>
      </c>
      <c r="B10" s="5">
        <v>13.794340223048328</v>
      </c>
      <c r="C10" s="6"/>
      <c r="D10" s="5"/>
      <c r="E10" s="5"/>
      <c r="F10" s="6"/>
      <c r="G10" s="6"/>
      <c r="H10" s="6"/>
    </row>
    <row r="11" spans="1:8" x14ac:dyDescent="0.25">
      <c r="A11" t="s">
        <v>35</v>
      </c>
      <c r="B11" s="5">
        <v>15.108048742342346</v>
      </c>
      <c r="C11" s="6"/>
      <c r="D11" s="5"/>
      <c r="E11" s="5"/>
      <c r="F11" s="6"/>
      <c r="G11" s="6"/>
      <c r="H11" s="6"/>
    </row>
    <row r="12" spans="1:8" x14ac:dyDescent="0.25">
      <c r="A12" t="s">
        <v>36</v>
      </c>
      <c r="B12" s="5">
        <v>24.620811091854421</v>
      </c>
      <c r="C12" s="6"/>
      <c r="D12" s="5"/>
      <c r="E12" s="5"/>
      <c r="F12" s="6"/>
      <c r="G12" s="6"/>
      <c r="H12" s="6"/>
    </row>
    <row r="13" spans="1:8" x14ac:dyDescent="0.25">
      <c r="A13" t="s">
        <v>37</v>
      </c>
      <c r="B13" s="5">
        <v>34.124661425742573</v>
      </c>
      <c r="C13" s="6"/>
      <c r="D13" s="5"/>
      <c r="E13" s="5"/>
      <c r="F13" s="6"/>
      <c r="G13" s="6"/>
      <c r="H13" s="6"/>
    </row>
    <row r="14" spans="1:8" x14ac:dyDescent="0.25">
      <c r="A14" t="s">
        <v>38</v>
      </c>
      <c r="B14" s="5">
        <v>34.167031333333334</v>
      </c>
      <c r="C14" s="6"/>
      <c r="D14" s="5"/>
      <c r="E14" s="5"/>
      <c r="F14" s="6"/>
      <c r="G14" s="6"/>
      <c r="H14" s="6"/>
    </row>
    <row r="15" spans="1:8" x14ac:dyDescent="0.25">
      <c r="A15" t="s">
        <v>39</v>
      </c>
      <c r="B15" s="5">
        <v>39.612063285285295</v>
      </c>
      <c r="C15" s="6"/>
      <c r="D15" s="5"/>
      <c r="E15" s="5"/>
      <c r="F15" s="6"/>
      <c r="G15" s="6"/>
      <c r="H15" s="6"/>
    </row>
    <row r="16" spans="1:8" x14ac:dyDescent="0.25">
      <c r="A16" t="s">
        <v>40</v>
      </c>
      <c r="B16" s="5">
        <v>-36.435221203438402</v>
      </c>
      <c r="C16" s="6"/>
      <c r="D16" s="5"/>
      <c r="E16" s="5"/>
      <c r="F16" s="6"/>
      <c r="G16" s="6"/>
      <c r="H16" s="6"/>
    </row>
    <row r="17" spans="1:8" x14ac:dyDescent="0.25">
      <c r="A17" t="s">
        <v>41</v>
      </c>
      <c r="B17" s="5">
        <v>-68.292310517680335</v>
      </c>
      <c r="C17" s="6"/>
      <c r="D17" s="5"/>
      <c r="E17" s="5"/>
      <c r="F17" s="6"/>
      <c r="G17" s="6"/>
      <c r="H17" s="6"/>
    </row>
    <row r="18" spans="1:8" x14ac:dyDescent="0.25">
      <c r="A18" t="s">
        <v>42</v>
      </c>
      <c r="B18" s="5">
        <v>-65.850534730666666</v>
      </c>
      <c r="C18" s="6"/>
      <c r="D18" s="5"/>
      <c r="E18" s="5"/>
      <c r="F18" s="6"/>
      <c r="G18" s="6"/>
      <c r="H18" s="6"/>
    </row>
    <row r="19" spans="1:8" x14ac:dyDescent="0.25">
      <c r="A19" t="s">
        <v>43</v>
      </c>
      <c r="B19" s="5">
        <v>-55.852498968586389</v>
      </c>
      <c r="C19" s="6"/>
      <c r="D19" s="5"/>
      <c r="E19" s="5"/>
      <c r="F19" s="6"/>
      <c r="G19" s="6"/>
      <c r="H19" s="6"/>
    </row>
    <row r="20" spans="1:8" x14ac:dyDescent="0.25">
      <c r="A20" t="s">
        <v>44</v>
      </c>
      <c r="B20" s="5">
        <v>-29.663027533420713</v>
      </c>
      <c r="C20" s="6"/>
      <c r="D20" s="5"/>
      <c r="E20" s="5"/>
      <c r="F20" s="6"/>
      <c r="G20" s="6"/>
      <c r="H20" s="6"/>
    </row>
    <row r="21" spans="1:8" x14ac:dyDescent="0.25">
      <c r="A21" t="s">
        <v>45</v>
      </c>
      <c r="B21" s="5">
        <v>-42.344537852522642</v>
      </c>
      <c r="C21" s="6"/>
      <c r="D21" s="5"/>
      <c r="E21" s="5"/>
      <c r="F21" s="6"/>
      <c r="G21" s="6"/>
      <c r="H21" s="6"/>
    </row>
    <row r="22" spans="1:8" x14ac:dyDescent="0.25">
      <c r="A22" t="s">
        <v>46</v>
      </c>
      <c r="B22" s="5">
        <v>-50.38908041092327</v>
      </c>
      <c r="C22" s="6"/>
      <c r="D22" s="5"/>
      <c r="E22" s="5"/>
      <c r="F22" s="6"/>
      <c r="G22" s="6"/>
      <c r="H22" s="6"/>
    </row>
    <row r="23" spans="1:8" x14ac:dyDescent="0.25">
      <c r="A23" t="s">
        <v>47</v>
      </c>
      <c r="B23" s="5">
        <v>-48.605343669724775</v>
      </c>
      <c r="C23" s="6"/>
      <c r="D23" s="5"/>
      <c r="E23" s="5"/>
      <c r="F23" s="6"/>
      <c r="G23" s="6"/>
      <c r="H23" s="6"/>
    </row>
    <row r="24" spans="1:8" x14ac:dyDescent="0.25">
      <c r="A24" t="s">
        <v>48</v>
      </c>
      <c r="B24" s="5">
        <v>-39.91024933501896</v>
      </c>
      <c r="C24" s="6"/>
      <c r="D24" s="5"/>
      <c r="E24" s="5"/>
      <c r="F24" s="6"/>
      <c r="G24" s="6"/>
      <c r="H24" s="6"/>
    </row>
    <row r="25" spans="1:8" x14ac:dyDescent="0.25">
      <c r="A25" t="s">
        <v>49</v>
      </c>
      <c r="B25" s="5">
        <v>-5.6138961935483875</v>
      </c>
      <c r="C25" s="6"/>
      <c r="D25" s="5"/>
      <c r="E25" s="5"/>
      <c r="F25" s="6"/>
      <c r="G25" s="6"/>
      <c r="H25" s="6"/>
    </row>
    <row r="26" spans="1:8" x14ac:dyDescent="0.25">
      <c r="A26" t="s">
        <v>50</v>
      </c>
      <c r="B26" s="5">
        <v>5.3636484892086322</v>
      </c>
      <c r="C26" s="6"/>
      <c r="D26" s="5"/>
      <c r="E26" s="5"/>
      <c r="F26" s="6"/>
      <c r="G26" s="6"/>
      <c r="H26" s="6"/>
    </row>
    <row r="27" spans="1:8" x14ac:dyDescent="0.25">
      <c r="A27" t="s">
        <v>51</v>
      </c>
      <c r="B27" s="5">
        <v>-110.29418252235295</v>
      </c>
      <c r="C27" s="6"/>
      <c r="D27" s="5"/>
      <c r="E27" s="5"/>
      <c r="F27" s="6"/>
      <c r="G27" s="6"/>
      <c r="H27" s="6"/>
    </row>
    <row r="28" spans="1:8" x14ac:dyDescent="0.25">
      <c r="A28" t="s">
        <v>52</v>
      </c>
      <c r="B28" s="5">
        <v>-163.25168616894982</v>
      </c>
      <c r="C28" s="6"/>
      <c r="D28" s="5"/>
      <c r="E28" s="5"/>
      <c r="F28" s="6"/>
      <c r="G28" s="6"/>
      <c r="H28" s="6"/>
    </row>
    <row r="29" spans="1:8" x14ac:dyDescent="0.25">
      <c r="A29" t="s">
        <v>53</v>
      </c>
      <c r="B29" s="5">
        <v>-25.123126815761449</v>
      </c>
      <c r="C29" s="6"/>
      <c r="D29" s="5"/>
      <c r="E29" s="5"/>
      <c r="F29" s="6"/>
      <c r="G29" s="6"/>
      <c r="H29" s="6"/>
    </row>
    <row r="30" spans="1:8" x14ac:dyDescent="0.25">
      <c r="A30" t="s">
        <v>54</v>
      </c>
      <c r="B30" s="5">
        <v>32.239380548</v>
      </c>
      <c r="C30" s="6"/>
      <c r="D30" s="5"/>
      <c r="E30" s="5"/>
      <c r="F30" s="6"/>
      <c r="G30" s="6"/>
      <c r="H30" s="6"/>
    </row>
    <row r="31" spans="1:8" x14ac:dyDescent="0.25">
      <c r="A31" t="s">
        <v>55</v>
      </c>
      <c r="B31" s="5">
        <v>19.915890368062318</v>
      </c>
      <c r="C31" s="6"/>
      <c r="D31" s="5"/>
      <c r="E31" s="5"/>
      <c r="F31" s="6"/>
      <c r="G31" s="6"/>
      <c r="H31" s="6"/>
    </row>
    <row r="33" spans="1:2" ht="13" x14ac:dyDescent="0.3">
      <c r="A33" s="1" t="s">
        <v>87</v>
      </c>
      <c r="B33" t="s">
        <v>57</v>
      </c>
    </row>
    <row r="34" spans="1:2" ht="13" x14ac:dyDescent="0.3">
      <c r="A34" s="1"/>
      <c r="B34" t="s">
        <v>94</v>
      </c>
    </row>
    <row r="35" spans="1:2" ht="13" x14ac:dyDescent="0.3">
      <c r="A35" s="1"/>
      <c r="B35" t="s">
        <v>90</v>
      </c>
    </row>
    <row r="36" spans="1:2" ht="13" x14ac:dyDescent="0.3">
      <c r="A36" s="1" t="s">
        <v>67</v>
      </c>
      <c r="B36" t="s">
        <v>77</v>
      </c>
    </row>
    <row r="39" spans="1:2" x14ac:dyDescent="0.25">
      <c r="A39" s="7"/>
    </row>
  </sheetData>
  <pageMargins left="0.7" right="0.7" top="0.75" bottom="0.75" header="0.3" footer="0.3"/>
  <pageSetup paperSize="9" orientation="portrait" r:id="rId1"/>
  <headerFooter>
    <oddHeader>&amp;C&amp;"Aptos"&amp;12&amp;K000000  OFFICIAL&amp;1#_x000D_</oddHeader>
  </headerFooter>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DAF4A8-B313-41A5-BA09-C588C608B165}">
  <dimension ref="A1:H31"/>
  <sheetViews>
    <sheetView showGridLines="0" workbookViewId="0">
      <selection activeCell="A3" sqref="A3"/>
    </sheetView>
  </sheetViews>
  <sheetFormatPr defaultRowHeight="12.5" x14ac:dyDescent="0.25"/>
  <cols>
    <col min="1" max="1" width="18.7265625" customWidth="1"/>
    <col min="2" max="2" width="8.7265625" customWidth="1"/>
    <col min="4" max="5" width="8.7265625" customWidth="1"/>
    <col min="7" max="8" width="8.7265625" customWidth="1"/>
  </cols>
  <sheetData>
    <row r="1" spans="1:8" ht="13" x14ac:dyDescent="0.3">
      <c r="A1" s="1" t="s">
        <v>16</v>
      </c>
      <c r="B1" t="s">
        <v>69</v>
      </c>
    </row>
    <row r="2" spans="1:8" x14ac:dyDescent="0.25">
      <c r="A2" t="s">
        <v>91</v>
      </c>
    </row>
    <row r="4" spans="1:8" ht="13" x14ac:dyDescent="0.3">
      <c r="A4" s="1" t="s">
        <v>95</v>
      </c>
    </row>
    <row r="5" spans="1:8" x14ac:dyDescent="0.25">
      <c r="B5" t="s">
        <v>96</v>
      </c>
    </row>
    <row r="6" spans="1:8" x14ac:dyDescent="0.25">
      <c r="A6" t="s">
        <v>34</v>
      </c>
      <c r="B6" s="5">
        <v>55.533085501858736</v>
      </c>
      <c r="C6" s="6"/>
      <c r="D6" s="5"/>
      <c r="E6" s="5"/>
      <c r="F6" s="6"/>
      <c r="G6" s="6"/>
      <c r="H6" s="6"/>
    </row>
    <row r="7" spans="1:8" x14ac:dyDescent="0.25">
      <c r="A7" t="s">
        <v>35</v>
      </c>
      <c r="B7" s="5">
        <v>39.047207207207215</v>
      </c>
      <c r="C7" s="6"/>
      <c r="D7" s="5"/>
      <c r="E7" s="5"/>
      <c r="F7" s="6"/>
      <c r="G7" s="6"/>
      <c r="H7" s="6"/>
    </row>
    <row r="8" spans="1:8" x14ac:dyDescent="0.25">
      <c r="A8" t="s">
        <v>36</v>
      </c>
      <c r="B8" s="5">
        <v>17.502946273830155</v>
      </c>
      <c r="C8" s="6"/>
      <c r="D8" s="5"/>
      <c r="E8" s="5"/>
      <c r="F8" s="6"/>
      <c r="G8" s="6"/>
      <c r="H8" s="6"/>
    </row>
    <row r="9" spans="1:8" x14ac:dyDescent="0.25">
      <c r="A9" t="s">
        <v>37</v>
      </c>
      <c r="B9" s="5">
        <v>-18.922112211221123</v>
      </c>
      <c r="C9" s="6"/>
      <c r="D9" s="5"/>
      <c r="E9" s="5"/>
      <c r="F9" s="6"/>
      <c r="G9" s="6"/>
      <c r="H9" s="6"/>
    </row>
    <row r="10" spans="1:8" x14ac:dyDescent="0.25">
      <c r="A10" t="s">
        <v>38</v>
      </c>
      <c r="B10" s="5">
        <v>-65.667295597484298</v>
      </c>
      <c r="C10" s="6"/>
      <c r="D10" s="5"/>
      <c r="E10" s="5"/>
      <c r="F10" s="6"/>
      <c r="G10" s="6"/>
      <c r="H10" s="6"/>
    </row>
    <row r="11" spans="1:8" x14ac:dyDescent="0.25">
      <c r="A11" t="s">
        <v>39</v>
      </c>
      <c r="B11" s="5">
        <v>-82.61201201201203</v>
      </c>
      <c r="C11" s="6"/>
      <c r="D11" s="5"/>
      <c r="E11" s="5"/>
      <c r="F11" s="6"/>
      <c r="G11" s="6"/>
      <c r="H11" s="6"/>
    </row>
    <row r="12" spans="1:8" x14ac:dyDescent="0.25">
      <c r="A12" t="s">
        <v>40</v>
      </c>
      <c r="B12" s="5">
        <v>-32.705444126074504</v>
      </c>
      <c r="C12" s="6"/>
      <c r="D12" s="5"/>
      <c r="E12" s="5"/>
      <c r="F12" s="6"/>
      <c r="G12" s="6"/>
      <c r="H12" s="6"/>
    </row>
    <row r="13" spans="1:8" x14ac:dyDescent="0.25">
      <c r="A13" t="s">
        <v>41</v>
      </c>
      <c r="B13" s="5">
        <v>62.495049504950487</v>
      </c>
      <c r="C13" s="6"/>
      <c r="D13" s="5"/>
      <c r="E13" s="5"/>
      <c r="F13" s="6"/>
      <c r="G13" s="6"/>
      <c r="H13" s="6"/>
    </row>
    <row r="14" spans="1:8" x14ac:dyDescent="0.25">
      <c r="A14" t="s">
        <v>42</v>
      </c>
      <c r="B14" s="5">
        <v>117.96426666666666</v>
      </c>
      <c r="C14" s="6"/>
      <c r="D14" s="5"/>
      <c r="E14" s="5"/>
      <c r="F14" s="6"/>
      <c r="G14" s="6"/>
      <c r="H14" s="6"/>
    </row>
    <row r="15" spans="1:8" x14ac:dyDescent="0.25">
      <c r="A15" t="s">
        <v>43</v>
      </c>
      <c r="B15" s="5">
        <v>204.61675392670156</v>
      </c>
      <c r="C15" s="6"/>
      <c r="D15" s="5"/>
      <c r="E15" s="5"/>
      <c r="F15" s="6"/>
      <c r="G15" s="6"/>
      <c r="H15" s="6"/>
    </row>
    <row r="16" spans="1:8" x14ac:dyDescent="0.25">
      <c r="A16" t="s">
        <v>44</v>
      </c>
      <c r="B16" s="5">
        <v>212.33027522935782</v>
      </c>
      <c r="C16" s="6"/>
      <c r="D16" s="5"/>
      <c r="E16" s="5"/>
      <c r="F16" s="6"/>
      <c r="G16" s="6"/>
      <c r="H16" s="6"/>
    </row>
    <row r="17" spans="1:8" x14ac:dyDescent="0.25">
      <c r="A17" t="s">
        <v>45</v>
      </c>
      <c r="B17" s="5">
        <v>275.99689521345414</v>
      </c>
      <c r="C17" s="6"/>
      <c r="D17" s="5"/>
      <c r="E17" s="5"/>
      <c r="F17" s="6"/>
      <c r="G17" s="6"/>
      <c r="H17" s="6"/>
    </row>
    <row r="18" spans="1:8" x14ac:dyDescent="0.25">
      <c r="A18" t="s">
        <v>46</v>
      </c>
      <c r="B18" s="5">
        <v>331.46892067620286</v>
      </c>
      <c r="C18" s="6"/>
      <c r="D18" s="5"/>
      <c r="E18" s="5"/>
      <c r="F18" s="6"/>
      <c r="G18" s="6"/>
      <c r="H18" s="6"/>
    </row>
    <row r="19" spans="1:8" x14ac:dyDescent="0.25">
      <c r="A19" t="s">
        <v>47</v>
      </c>
      <c r="B19" s="5">
        <v>413.76828309305381</v>
      </c>
      <c r="C19" s="6"/>
      <c r="D19" s="5"/>
      <c r="E19" s="5"/>
      <c r="F19" s="6"/>
      <c r="G19" s="6"/>
      <c r="H19" s="6"/>
    </row>
    <row r="20" spans="1:8" x14ac:dyDescent="0.25">
      <c r="A20" t="s">
        <v>48</v>
      </c>
      <c r="B20" s="5">
        <v>431.17370417193422</v>
      </c>
      <c r="C20" s="6"/>
      <c r="D20" s="5"/>
      <c r="E20" s="5"/>
      <c r="F20" s="6"/>
      <c r="G20" s="6"/>
      <c r="H20" s="6"/>
    </row>
    <row r="21" spans="1:8" x14ac:dyDescent="0.25">
      <c r="A21" t="s">
        <v>49</v>
      </c>
      <c r="B21" s="5">
        <v>451.73349875930529</v>
      </c>
      <c r="C21" s="6"/>
      <c r="D21" s="5"/>
      <c r="E21" s="5"/>
      <c r="F21" s="6"/>
      <c r="G21" s="6"/>
      <c r="H21" s="6"/>
    </row>
    <row r="22" spans="1:8" x14ac:dyDescent="0.25">
      <c r="A22" t="s">
        <v>50</v>
      </c>
      <c r="B22" s="5">
        <v>476.55347721822534</v>
      </c>
      <c r="C22" s="6"/>
      <c r="D22" s="5"/>
      <c r="E22" s="5"/>
      <c r="F22" s="6"/>
      <c r="G22" s="6"/>
      <c r="H22" s="6"/>
    </row>
    <row r="23" spans="1:8" x14ac:dyDescent="0.25">
      <c r="A23" t="s">
        <v>51</v>
      </c>
      <c r="B23" s="5">
        <v>587.26352941176481</v>
      </c>
      <c r="C23" s="6"/>
      <c r="D23" s="5"/>
      <c r="E23" s="5"/>
      <c r="F23" s="6"/>
      <c r="G23" s="6"/>
      <c r="H23" s="6"/>
    </row>
    <row r="24" spans="1:8" x14ac:dyDescent="0.25">
      <c r="A24" t="s">
        <v>52</v>
      </c>
      <c r="B24" s="5">
        <v>694.00776255707774</v>
      </c>
      <c r="C24" s="6"/>
      <c r="D24" s="5"/>
      <c r="E24" s="5"/>
      <c r="F24" s="6"/>
      <c r="G24" s="6"/>
      <c r="H24" s="6"/>
    </row>
    <row r="25" spans="1:8" x14ac:dyDescent="0.25">
      <c r="A25" t="s">
        <v>53</v>
      </c>
      <c r="B25" s="5">
        <v>567.22854100106497</v>
      </c>
      <c r="C25" s="6"/>
      <c r="D25" s="5"/>
      <c r="E25" s="5"/>
      <c r="F25" s="6"/>
      <c r="G25" s="6"/>
      <c r="H25" s="6"/>
    </row>
    <row r="26" spans="1:8" x14ac:dyDescent="0.25">
      <c r="A26" t="s">
        <v>54</v>
      </c>
      <c r="B26" s="5">
        <v>502.85599999999999</v>
      </c>
      <c r="C26" s="6"/>
      <c r="D26" s="5"/>
      <c r="E26" s="5"/>
      <c r="F26" s="6"/>
      <c r="G26" s="6"/>
      <c r="H26" s="6"/>
    </row>
    <row r="27" spans="1:8" x14ac:dyDescent="0.25">
      <c r="A27" t="s">
        <v>55</v>
      </c>
      <c r="B27" s="5">
        <v>512.06893865628035</v>
      </c>
      <c r="C27" s="6"/>
      <c r="D27" s="5"/>
      <c r="E27" s="5"/>
      <c r="F27" s="6"/>
      <c r="G27" s="6"/>
      <c r="H27" s="6"/>
    </row>
    <row r="28" spans="1:8" x14ac:dyDescent="0.25">
      <c r="B28" s="5"/>
      <c r="C28" s="6"/>
      <c r="D28" s="5"/>
      <c r="E28" s="5"/>
      <c r="F28" s="6"/>
      <c r="G28" s="6"/>
      <c r="H28" s="6"/>
    </row>
    <row r="29" spans="1:8" ht="13" x14ac:dyDescent="0.3">
      <c r="A29" s="1" t="s">
        <v>87</v>
      </c>
      <c r="B29" t="s">
        <v>57</v>
      </c>
      <c r="C29" s="6"/>
      <c r="D29" s="5"/>
      <c r="E29" s="5"/>
      <c r="F29" s="6"/>
      <c r="G29" s="6"/>
      <c r="H29" s="6"/>
    </row>
    <row r="30" spans="1:8" ht="13" x14ac:dyDescent="0.3">
      <c r="A30" s="1" t="s">
        <v>67</v>
      </c>
      <c r="B30" t="s">
        <v>97</v>
      </c>
      <c r="C30" s="6"/>
      <c r="D30" s="5"/>
      <c r="E30" s="5"/>
      <c r="F30" s="6"/>
      <c r="G30" s="6"/>
      <c r="H30" s="6"/>
    </row>
    <row r="31" spans="1:8" x14ac:dyDescent="0.25">
      <c r="B31" s="5"/>
      <c r="C31" s="6"/>
      <c r="D31" s="5"/>
      <c r="E31" s="5"/>
      <c r="F31" s="6"/>
      <c r="G31" s="6"/>
      <c r="H31" s="6"/>
    </row>
  </sheetData>
  <pageMargins left="0.7" right="0.7" top="0.75" bottom="0.75" header="0.3" footer="0.3"/>
  <pageSetup paperSize="9" orientation="portrait" r:id="rId1"/>
  <headerFooter>
    <oddHeader>&amp;C&amp;"Aptos"&amp;12&amp;K000000  OFFICIAL&amp;1#_x000D_</oddHeader>
  </headerFooter>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F67DF61-934F-4F09-9B2A-05B5263BAF5C}">
  <dimension ref="A1:G35"/>
  <sheetViews>
    <sheetView showGridLines="0" workbookViewId="0">
      <selection activeCell="A3" sqref="A3"/>
    </sheetView>
  </sheetViews>
  <sheetFormatPr defaultRowHeight="12.5" x14ac:dyDescent="0.25"/>
  <cols>
    <col min="1" max="1" width="18.7265625" customWidth="1"/>
    <col min="2" max="2" width="20.81640625" bestFit="1" customWidth="1"/>
    <col min="3" max="3" width="14.453125" bestFit="1" customWidth="1"/>
    <col min="4" max="5" width="23.54296875" bestFit="1" customWidth="1"/>
    <col min="6" max="6" width="13.1796875" bestFit="1" customWidth="1"/>
    <col min="7" max="7" width="12.1796875" bestFit="1" customWidth="1"/>
  </cols>
  <sheetData>
    <row r="1" spans="1:7" ht="13" x14ac:dyDescent="0.3">
      <c r="A1" s="1" t="s">
        <v>17</v>
      </c>
      <c r="B1" t="s">
        <v>98</v>
      </c>
    </row>
    <row r="2" spans="1:7" x14ac:dyDescent="0.25">
      <c r="A2" t="s">
        <v>99</v>
      </c>
    </row>
    <row r="4" spans="1:7" ht="13" x14ac:dyDescent="0.3">
      <c r="A4" s="1" t="s">
        <v>27</v>
      </c>
    </row>
    <row r="5" spans="1:7" x14ac:dyDescent="0.25">
      <c r="B5" t="s">
        <v>100</v>
      </c>
      <c r="C5" t="s">
        <v>71</v>
      </c>
      <c r="D5" t="s">
        <v>72</v>
      </c>
      <c r="E5" t="s">
        <v>101</v>
      </c>
      <c r="F5" t="s">
        <v>102</v>
      </c>
      <c r="G5" t="s">
        <v>74</v>
      </c>
    </row>
    <row r="6" spans="1:7" x14ac:dyDescent="0.25">
      <c r="A6" t="s">
        <v>30</v>
      </c>
      <c r="B6" s="5">
        <v>69.559899179704018</v>
      </c>
      <c r="C6" s="5">
        <v>78.873697775898535</v>
      </c>
      <c r="D6" s="6">
        <v>19.691153623678652</v>
      </c>
      <c r="E6" s="5">
        <v>20.016604169133196</v>
      </c>
      <c r="F6" s="6">
        <v>2.8124719577167023</v>
      </c>
      <c r="G6" s="6">
        <v>7.7365347737843564</v>
      </c>
    </row>
    <row r="7" spans="1:7" x14ac:dyDescent="0.25">
      <c r="A7" t="s">
        <v>31</v>
      </c>
      <c r="B7" s="5">
        <v>71.344020823045255</v>
      </c>
      <c r="C7" s="5">
        <v>82.065762386831267</v>
      </c>
      <c r="D7" s="6">
        <v>19.333309662551436</v>
      </c>
      <c r="E7" s="5">
        <v>19.634605925925921</v>
      </c>
      <c r="F7" s="6">
        <v>2.877527374485596</v>
      </c>
      <c r="G7" s="6">
        <v>6.7930172592592584</v>
      </c>
    </row>
    <row r="8" spans="1:7" x14ac:dyDescent="0.25">
      <c r="A8" t="s">
        <v>32</v>
      </c>
      <c r="B8" s="5">
        <v>91.343880204724414</v>
      </c>
      <c r="C8" s="5">
        <v>67.700909149606304</v>
      </c>
      <c r="D8" s="6">
        <v>18.971036984251974</v>
      </c>
      <c r="E8" s="5">
        <v>14.246714141732285</v>
      </c>
      <c r="F8" s="6">
        <v>3.5209673779527564</v>
      </c>
      <c r="G8" s="6">
        <v>7.0543164645669298</v>
      </c>
    </row>
    <row r="9" spans="1:7" x14ac:dyDescent="0.25">
      <c r="A9" t="s">
        <v>33</v>
      </c>
      <c r="B9" s="5">
        <v>99.825346107279671</v>
      </c>
      <c r="C9" s="5">
        <v>67.211641141762442</v>
      </c>
      <c r="D9" s="6">
        <v>19.118221716475091</v>
      </c>
      <c r="E9" s="5">
        <v>10.032831295019156</v>
      </c>
      <c r="F9" s="6">
        <v>3.6664779616858234</v>
      </c>
      <c r="G9" s="6">
        <v>7.6118568429118758</v>
      </c>
    </row>
    <row r="10" spans="1:7" x14ac:dyDescent="0.25">
      <c r="A10" t="s">
        <v>34</v>
      </c>
      <c r="B10" s="5">
        <v>99.292202646840153</v>
      </c>
      <c r="C10" s="5">
        <v>71.13697718215613</v>
      </c>
      <c r="D10" s="6">
        <v>19.591966973977698</v>
      </c>
      <c r="E10" s="5">
        <v>11.467515672862453</v>
      </c>
      <c r="F10" s="6">
        <v>3.4978237397769516</v>
      </c>
      <c r="G10" s="6">
        <v>9.4900998215613388</v>
      </c>
    </row>
    <row r="11" spans="1:7" x14ac:dyDescent="0.25">
      <c r="A11" t="s">
        <v>35</v>
      </c>
      <c r="B11" s="5">
        <v>100.47925330450452</v>
      </c>
      <c r="C11" s="5">
        <v>76.755199459459462</v>
      </c>
      <c r="D11" s="6">
        <v>19.739350796396401</v>
      </c>
      <c r="E11" s="5">
        <v>17.880326529729736</v>
      </c>
      <c r="F11" s="6">
        <v>3.1979757477477486</v>
      </c>
      <c r="G11" s="6">
        <v>8.746252180180182</v>
      </c>
    </row>
    <row r="12" spans="1:7" x14ac:dyDescent="0.25">
      <c r="A12" t="s">
        <v>36</v>
      </c>
      <c r="B12" s="5">
        <v>103.85201788561524</v>
      </c>
      <c r="C12" s="5">
        <v>75.928369837088397</v>
      </c>
      <c r="D12" s="6">
        <v>20.223498495667247</v>
      </c>
      <c r="E12" s="5">
        <v>18.501972512998268</v>
      </c>
      <c r="F12" s="6">
        <v>4.4275471126516459</v>
      </c>
      <c r="G12" s="6">
        <v>8.6644634384748702</v>
      </c>
    </row>
    <row r="13" spans="1:7" x14ac:dyDescent="0.25">
      <c r="A13" t="s">
        <v>37</v>
      </c>
      <c r="B13" s="5">
        <v>105.45259804620463</v>
      </c>
      <c r="C13" s="5">
        <v>77.272911874587464</v>
      </c>
      <c r="D13" s="6">
        <v>20.901830389438945</v>
      </c>
      <c r="E13" s="5">
        <v>19.822513108910893</v>
      </c>
      <c r="F13" s="6">
        <v>5.9111480726072614</v>
      </c>
      <c r="G13" s="6">
        <v>8.7588808250825085</v>
      </c>
    </row>
    <row r="14" spans="1:7" x14ac:dyDescent="0.25">
      <c r="A14" t="s">
        <v>38</v>
      </c>
      <c r="B14" s="5">
        <v>105.80224849685537</v>
      </c>
      <c r="C14" s="5">
        <v>81.415239371069191</v>
      </c>
      <c r="D14" s="6">
        <v>21.649357767295601</v>
      </c>
      <c r="E14" s="5">
        <v>16.161758559748431</v>
      </c>
      <c r="F14" s="6">
        <v>6.0274224213836494</v>
      </c>
      <c r="G14" s="6">
        <v>11.079166119496858</v>
      </c>
    </row>
    <row r="15" spans="1:7" x14ac:dyDescent="0.25">
      <c r="A15" t="s">
        <v>39</v>
      </c>
      <c r="B15" s="5">
        <v>111.16121486486489</v>
      </c>
      <c r="C15" s="5">
        <v>83.971740966966991</v>
      </c>
      <c r="D15" s="6">
        <v>22.80284398198199</v>
      </c>
      <c r="E15" s="5">
        <v>13.989033183183185</v>
      </c>
      <c r="F15" s="6">
        <v>6.2380298678678692</v>
      </c>
      <c r="G15" s="6">
        <v>9.5469742402402424</v>
      </c>
    </row>
    <row r="16" spans="1:7" x14ac:dyDescent="0.25">
      <c r="A16" t="s">
        <v>40</v>
      </c>
      <c r="B16" s="5">
        <v>117.70336815472781</v>
      </c>
      <c r="C16" s="5">
        <v>76.488128733524363</v>
      </c>
      <c r="D16" s="6">
        <v>23.713421375358173</v>
      </c>
      <c r="E16" s="5">
        <v>12.871510882521493</v>
      </c>
      <c r="F16" s="6">
        <v>11.223453409742122</v>
      </c>
      <c r="G16" s="6">
        <v>9.9450654212034397</v>
      </c>
    </row>
    <row r="17" spans="1:7" x14ac:dyDescent="0.25">
      <c r="A17" t="s">
        <v>41</v>
      </c>
      <c r="B17" s="5">
        <v>139.29808912588399</v>
      </c>
      <c r="C17" s="5">
        <v>81.577874183875522</v>
      </c>
      <c r="D17" s="6">
        <v>25.172934517680336</v>
      </c>
      <c r="E17" s="5">
        <v>13.703289504950494</v>
      </c>
      <c r="F17" s="6">
        <v>8.5083929787835935</v>
      </c>
      <c r="G17" s="6">
        <v>10.57678568033946</v>
      </c>
    </row>
    <row r="18" spans="1:7" x14ac:dyDescent="0.25">
      <c r="A18" t="s">
        <v>42</v>
      </c>
      <c r="B18" s="5">
        <v>125.79119435733334</v>
      </c>
      <c r="C18" s="5">
        <v>81.863636890666669</v>
      </c>
      <c r="D18" s="6">
        <v>25.399903189333333</v>
      </c>
      <c r="E18" s="5">
        <v>14.473514186666668</v>
      </c>
      <c r="F18" s="6">
        <v>12.072803898666667</v>
      </c>
      <c r="G18" s="6">
        <v>10.382389984000001</v>
      </c>
    </row>
    <row r="19" spans="1:7" x14ac:dyDescent="0.25">
      <c r="A19" t="s">
        <v>43</v>
      </c>
      <c r="B19" s="5">
        <v>129.03324451308899</v>
      </c>
      <c r="C19" s="5">
        <v>82.584690586387424</v>
      </c>
      <c r="D19" s="6">
        <v>27.472526979057591</v>
      </c>
      <c r="E19" s="5">
        <v>15.578709989528795</v>
      </c>
      <c r="F19" s="6">
        <v>12.476275240837696</v>
      </c>
      <c r="G19" s="6">
        <v>10.403514408376964</v>
      </c>
    </row>
    <row r="20" spans="1:7" x14ac:dyDescent="0.25">
      <c r="A20" t="s">
        <v>44</v>
      </c>
      <c r="B20" s="5">
        <v>116.91009740498036</v>
      </c>
      <c r="C20" s="5">
        <v>87.812967281782448</v>
      </c>
      <c r="D20" s="6">
        <v>29.274388676277859</v>
      </c>
      <c r="E20" s="5">
        <v>17.866477237221499</v>
      </c>
      <c r="F20" s="6">
        <v>11.42450353342071</v>
      </c>
      <c r="G20" s="6">
        <v>10.680641640891221</v>
      </c>
    </row>
    <row r="21" spans="1:7" x14ac:dyDescent="0.25">
      <c r="A21" t="s">
        <v>45</v>
      </c>
      <c r="B21" s="5">
        <v>127.66377380595085</v>
      </c>
      <c r="C21" s="5">
        <v>93.173006597671417</v>
      </c>
      <c r="D21" s="6">
        <v>29.010041821474776</v>
      </c>
      <c r="E21" s="5">
        <v>17.317727316946961</v>
      </c>
      <c r="F21" s="6">
        <v>14.014908672703752</v>
      </c>
      <c r="G21" s="6">
        <v>11.711352574385513</v>
      </c>
    </row>
    <row r="22" spans="1:7" x14ac:dyDescent="0.25">
      <c r="A22" t="s">
        <v>46</v>
      </c>
      <c r="B22" s="5">
        <v>133.95466347464239</v>
      </c>
      <c r="C22" s="5">
        <v>100.87572458777632</v>
      </c>
      <c r="D22" s="6">
        <v>29.511359276983093</v>
      </c>
      <c r="E22" s="5">
        <v>21.025953269180754</v>
      </c>
      <c r="F22" s="6">
        <v>11.49993457997399</v>
      </c>
      <c r="G22" s="6">
        <v>12.105182054616384</v>
      </c>
    </row>
    <row r="23" spans="1:7" x14ac:dyDescent="0.25">
      <c r="A23" t="s">
        <v>47</v>
      </c>
      <c r="B23" s="5">
        <v>137.22654752293582</v>
      </c>
      <c r="C23" s="5">
        <v>108.40387082568809</v>
      </c>
      <c r="D23" s="6">
        <v>31.686663281782444</v>
      </c>
      <c r="E23" s="5">
        <v>19.256738668414158</v>
      </c>
      <c r="F23" s="6">
        <v>10.922652655307997</v>
      </c>
      <c r="G23" s="6">
        <v>13.260374516382702</v>
      </c>
    </row>
    <row r="24" spans="1:7" x14ac:dyDescent="0.25">
      <c r="A24" t="s">
        <v>48</v>
      </c>
      <c r="B24" s="5">
        <v>144.65125681415927</v>
      </c>
      <c r="C24" s="5">
        <v>108.73244709481668</v>
      </c>
      <c r="D24" s="6">
        <v>30.822113102402021</v>
      </c>
      <c r="E24" s="5">
        <v>17.683469648546144</v>
      </c>
      <c r="F24" s="6">
        <v>14.934311696586597</v>
      </c>
      <c r="G24" s="6">
        <v>12.921086927939315</v>
      </c>
    </row>
    <row r="25" spans="1:7" x14ac:dyDescent="0.25">
      <c r="A25" t="s">
        <v>49</v>
      </c>
      <c r="B25" s="5">
        <v>147.14068309181141</v>
      </c>
      <c r="C25" s="5">
        <v>109.94371207444171</v>
      </c>
      <c r="D25" s="6">
        <v>31.380855885856082</v>
      </c>
      <c r="E25" s="5">
        <v>20.569513230769232</v>
      </c>
      <c r="F25" s="6">
        <v>15.638994148883377</v>
      </c>
      <c r="G25" s="6">
        <v>12.992280923076924</v>
      </c>
    </row>
    <row r="26" spans="1:7" x14ac:dyDescent="0.25">
      <c r="A26" t="s">
        <v>50</v>
      </c>
      <c r="B26" s="5">
        <v>148.24620523741004</v>
      </c>
      <c r="C26" s="5">
        <v>108.96979532853715</v>
      </c>
      <c r="D26" s="6">
        <v>30.929067414868097</v>
      </c>
      <c r="E26" s="5">
        <v>19.240859256594721</v>
      </c>
      <c r="F26" s="6">
        <v>18.741026810551553</v>
      </c>
      <c r="G26" s="6">
        <v>13.527022167865704</v>
      </c>
    </row>
    <row r="27" spans="1:7" x14ac:dyDescent="0.25">
      <c r="A27" t="s">
        <v>51</v>
      </c>
      <c r="B27" s="5">
        <v>138.49218854588239</v>
      </c>
      <c r="C27" s="5">
        <v>105.94014388235294</v>
      </c>
      <c r="D27" s="6">
        <v>29.548479463529414</v>
      </c>
      <c r="E27" s="5">
        <v>15.443649609411766</v>
      </c>
      <c r="F27" s="6">
        <v>19.165577341176473</v>
      </c>
      <c r="G27" s="6">
        <v>11.74633001411765</v>
      </c>
    </row>
    <row r="28" spans="1:7" x14ac:dyDescent="0.25">
      <c r="A28" t="s">
        <v>52</v>
      </c>
      <c r="B28" s="5">
        <v>153.84906268493154</v>
      </c>
      <c r="C28" s="5">
        <v>111.84337279452058</v>
      </c>
      <c r="D28" s="6">
        <v>29.740838607305939</v>
      </c>
      <c r="E28" s="5">
        <v>15.223447566210048</v>
      </c>
      <c r="F28" s="6">
        <v>20.413729748858451</v>
      </c>
      <c r="G28" s="6">
        <v>13.172092000000001</v>
      </c>
    </row>
    <row r="29" spans="1:7" x14ac:dyDescent="0.25">
      <c r="A29" t="s">
        <v>53</v>
      </c>
      <c r="B29" s="5">
        <v>165.40353670287541</v>
      </c>
      <c r="C29" s="5">
        <v>126.13686142705005</v>
      </c>
      <c r="D29" s="6">
        <v>28.262279130990414</v>
      </c>
      <c r="E29" s="5">
        <v>12.315255365282216</v>
      </c>
      <c r="F29" s="6">
        <v>27.746199748668797</v>
      </c>
      <c r="G29" s="6">
        <v>12.762257895633653</v>
      </c>
    </row>
    <row r="30" spans="1:7" x14ac:dyDescent="0.25">
      <c r="A30" t="s">
        <v>54</v>
      </c>
      <c r="B30" s="5">
        <v>160.98997328800002</v>
      </c>
      <c r="C30" s="5">
        <v>123.08753261600002</v>
      </c>
      <c r="D30" s="6">
        <v>28.904551068</v>
      </c>
      <c r="E30" s="5">
        <v>12.338206315999999</v>
      </c>
      <c r="F30" s="6">
        <v>36.715138744000001</v>
      </c>
      <c r="G30" s="6">
        <v>13.145296508000001</v>
      </c>
    </row>
    <row r="31" spans="1:7" x14ac:dyDescent="0.25">
      <c r="A31" t="s">
        <v>55</v>
      </c>
      <c r="B31" s="5">
        <v>160.27007039143132</v>
      </c>
      <c r="C31" s="5">
        <v>133.75362062317427</v>
      </c>
      <c r="D31" s="6">
        <v>30.261138519961047</v>
      </c>
      <c r="E31" s="5">
        <v>14.75304005842259</v>
      </c>
      <c r="F31" s="6">
        <v>29.311645522882177</v>
      </c>
      <c r="G31" s="6">
        <v>12.742056525803308</v>
      </c>
    </row>
    <row r="33" spans="1:2" ht="13" x14ac:dyDescent="0.3">
      <c r="A33" s="1" t="s">
        <v>56</v>
      </c>
      <c r="B33" t="s">
        <v>57</v>
      </c>
    </row>
    <row r="34" spans="1:2" ht="13" x14ac:dyDescent="0.3">
      <c r="A34" s="1"/>
      <c r="B34" t="s">
        <v>76</v>
      </c>
    </row>
    <row r="35" spans="1:2" ht="13" x14ac:dyDescent="0.3">
      <c r="A35" s="1" t="s">
        <v>67</v>
      </c>
      <c r="B35" t="s">
        <v>77</v>
      </c>
    </row>
  </sheetData>
  <pageMargins left="0.7" right="0.7" top="0.75" bottom="0.75" header="0.3" footer="0.3"/>
  <pageSetup paperSize="9" orientation="portrait" r:id="rId1"/>
  <headerFooter>
    <oddHeader>&amp;C&amp;"Aptos"&amp;12&amp;K000000  OFFICIAL&amp;1#_x000D_</oddHeader>
  </headerFooter>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d5b113b2290f51f54c40fe77efcff7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9b0944fb21231809fe6c479e415bb6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1866</_dlc_DocId>
    <_dlc_DocIdUrl xmlns="20393cdf-440a-4521-8f19-00ba43423d00">
      <Url>https://pcgov.sharepoint.com/sites/sceteam/_layouts/15/DocIdRedir.aspx?ID=MPWT-2140667901-91866</Url>
      <Description>MPWT-2140667901-91866</Description>
    </_dlc_DocIdUrl>
  </documentManagement>
</p:properties>
</file>

<file path=customXml/item5.xml><?xml version="1.0" encoding="utf-8"?>
<TemplafyTemplateConfiguration><![CDATA[{"transformationConfigurations":[],"templateName":"Supporting chart data workbook","templateDescription":"Use for data you plan to publish on the website. Includes 'about' and 'contents' tabs.","enableDocumentContentUpdater":false,"version":"2.0"}]]></TemplafyTemplate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E1FA364C-E9EA-4E3F-B7B5-10764389DE1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168F4CAC-6CD7-408D-BE27-FD39377746C1}">
  <ds:schemaRefs/>
</ds:datastoreItem>
</file>

<file path=customXml/itemProps3.xml><?xml version="1.0" encoding="utf-8"?>
<ds:datastoreItem xmlns:ds="http://schemas.openxmlformats.org/officeDocument/2006/customXml" ds:itemID="{99F20219-30C9-49A3-96BB-820882E5EDDD}">
  <ds:schemaRefs>
    <ds:schemaRef ds:uri="http://schemas.microsoft.com/sharepoint/v3/contenttype/forms"/>
  </ds:schemaRefs>
</ds:datastoreItem>
</file>

<file path=customXml/itemProps4.xml><?xml version="1.0" encoding="utf-8"?>
<ds:datastoreItem xmlns:ds="http://schemas.openxmlformats.org/officeDocument/2006/customXml" ds:itemID="{93BC4386-3508-4A94-8140-DBE6021FAD4B}">
  <ds:schemaRefs>
    <ds:schemaRef ds:uri="http://schemas.microsoft.com/office/infopath/2007/PartnerControls"/>
    <ds:schemaRef ds:uri="20393cdf-440a-4521-8f19-00ba43423d00"/>
    <ds:schemaRef ds:uri="http://schemas.openxmlformats.org/package/2006/metadata/core-properties"/>
    <ds:schemaRef ds:uri="http://purl.org/dc/elements/1.1/"/>
    <ds:schemaRef ds:uri="http://schemas.microsoft.com/office/2006/metadata/properties"/>
    <ds:schemaRef ds:uri="http://schemas.microsoft.com/office/2006/documentManagement/types"/>
    <ds:schemaRef ds:uri="http://purl.org/dc/terms/"/>
    <ds:schemaRef ds:uri="http://purl.org/dc/dcmitype/"/>
    <ds:schemaRef ds:uri="3d385984-9344-419b-a80b-49c06a2bdab8"/>
    <ds:schemaRef ds:uri="http://www.w3.org/XML/1998/namespace"/>
  </ds:schemaRefs>
</ds:datastoreItem>
</file>

<file path=customXml/itemProps5.xml><?xml version="1.0" encoding="utf-8"?>
<ds:datastoreItem xmlns:ds="http://schemas.openxmlformats.org/officeDocument/2006/customXml" ds:itemID="{E39C53D9-7E05-4995-A2F1-978F1BB9C9F5}">
  <ds:schemaRefs/>
</ds:datastoreItem>
</file>

<file path=customXml/itemProps6.xml><?xml version="1.0" encoding="utf-8"?>
<ds:datastoreItem xmlns:ds="http://schemas.openxmlformats.org/officeDocument/2006/customXml" ds:itemID="{6EA32B2C-0E46-41B1-BB27-A840BC5FCF16}">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3</vt:i4>
      </vt:variant>
    </vt:vector>
  </HeadingPairs>
  <TitlesOfParts>
    <vt:vector size="13" baseType="lpstr">
      <vt:lpstr>About</vt:lpstr>
      <vt:lpstr>Contents</vt:lpstr>
      <vt:lpstr>Figure 1</vt:lpstr>
      <vt:lpstr>Figure 2</vt:lpstr>
      <vt:lpstr>Figure 3a</vt:lpstr>
      <vt:lpstr>Figure 3b</vt:lpstr>
      <vt:lpstr>Figure 3c</vt:lpstr>
      <vt:lpstr>Figure 3d</vt:lpstr>
      <vt:lpstr>Figure 4a</vt:lpstr>
      <vt:lpstr>Figure 4b</vt:lpstr>
      <vt:lpstr>Figure 4c</vt:lpstr>
      <vt:lpstr>Figure 4d</vt:lpstr>
      <vt:lpstr>Figure 5</vt:lpstr>
    </vt:vector>
  </TitlesOfParts>
  <Manager/>
  <Company>Productivity Commission</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hart data - Issues paper - GST distribution reform</dc:title>
  <dc:subject/>
  <dc:creator>Productivity Commission</dc:creator>
  <cp:keywords/>
  <dc:description/>
  <cp:lastModifiedBy>Chris Alston</cp:lastModifiedBy>
  <cp:revision/>
  <dcterms:created xsi:type="dcterms:W3CDTF">2025-11-18T04:40:04Z</dcterms:created>
  <dcterms:modified xsi:type="dcterms:W3CDTF">2025-11-18T21:47:49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f1bb8445-dda7-4657-a2c2-662ba86ad2f0</vt:lpwstr>
  </property>
  <property fmtid="{D5CDD505-2E9C-101B-9397-08002B2CF9AE}" pid="5" name="MSIP_Label_f7467c1a-e0ed-413c-a72b-aac8e8e94f41_Enabled">
    <vt:lpwstr>true</vt:lpwstr>
  </property>
  <property fmtid="{D5CDD505-2E9C-101B-9397-08002B2CF9AE}" pid="6" name="MSIP_Label_f7467c1a-e0ed-413c-a72b-aac8e8e94f41_SetDate">
    <vt:lpwstr>2025-11-17T23:57:31Z</vt:lpwstr>
  </property>
  <property fmtid="{D5CDD505-2E9C-101B-9397-08002B2CF9AE}" pid="7" name="MSIP_Label_f7467c1a-e0ed-413c-a72b-aac8e8e94f41_Method">
    <vt:lpwstr>Privileged</vt:lpwstr>
  </property>
  <property fmtid="{D5CDD505-2E9C-101B-9397-08002B2CF9AE}" pid="8" name="MSIP_Label_f7467c1a-e0ed-413c-a72b-aac8e8e94f41_Name">
    <vt:lpwstr>OFFICIAL</vt:lpwstr>
  </property>
  <property fmtid="{D5CDD505-2E9C-101B-9397-08002B2CF9AE}" pid="9" name="MSIP_Label_f7467c1a-e0ed-413c-a72b-aac8e8e94f41_SiteId">
    <vt:lpwstr>29f9330b-c0fe-4244-830e-ba9f275d6c34</vt:lpwstr>
  </property>
  <property fmtid="{D5CDD505-2E9C-101B-9397-08002B2CF9AE}" pid="10" name="MSIP_Label_f7467c1a-e0ed-413c-a72b-aac8e8e94f41_ActionId">
    <vt:lpwstr>a24b23db-f1e9-4e04-876d-e85ee325c2f1</vt:lpwstr>
  </property>
  <property fmtid="{D5CDD505-2E9C-101B-9397-08002B2CF9AE}" pid="11" name="MSIP_Label_f7467c1a-e0ed-413c-a72b-aac8e8e94f41_ContentBits">
    <vt:lpwstr>1</vt:lpwstr>
  </property>
  <property fmtid="{D5CDD505-2E9C-101B-9397-08002B2CF9AE}" pid="12" name="MSIP_Label_f7467c1a-e0ed-413c-a72b-aac8e8e94f41_Tag">
    <vt:lpwstr>10, 0, 1, 1</vt:lpwstr>
  </property>
  <property fmtid="{D5CDD505-2E9C-101B-9397-08002B2CF9AE}" pid="13" name="MediaServiceImageTags">
    <vt:lpwstr/>
  </property>
  <property fmtid="{D5CDD505-2E9C-101B-9397-08002B2CF9AE}" pid="14" name="TemplafyTenantId">
    <vt:lpwstr>productivitycommission</vt:lpwstr>
  </property>
  <property fmtid="{D5CDD505-2E9C-101B-9397-08002B2CF9AE}" pid="15" name="TemplafyTemplateId">
    <vt:lpwstr>637654725005441542</vt:lpwstr>
  </property>
  <property fmtid="{D5CDD505-2E9C-101B-9397-08002B2CF9AE}" pid="16" name="TemplafyUserProfileId">
    <vt:lpwstr>830561231111454721</vt:lpwstr>
  </property>
  <property fmtid="{D5CDD505-2E9C-101B-9397-08002B2CF9AE}" pid="17" name="TemplafyFromBlank">
    <vt:bool>false</vt:bool>
  </property>
</Properties>
</file>